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30"/>
  </p:sldMasterIdLst>
  <p:notesMasterIdLst>
    <p:notesMasterId r:id="rId45"/>
  </p:notesMasterIdLst>
  <p:handoutMasterIdLst>
    <p:handoutMasterId r:id="rId46"/>
  </p:handoutMasterIdLst>
  <p:sldIdLst>
    <p:sldId id="271" r:id="rId31"/>
    <p:sldId id="270" r:id="rId32"/>
    <p:sldId id="279" r:id="rId33"/>
    <p:sldId id="283" r:id="rId34"/>
    <p:sldId id="282" r:id="rId35"/>
    <p:sldId id="280" r:id="rId36"/>
    <p:sldId id="281" r:id="rId37"/>
    <p:sldId id="273" r:id="rId38"/>
    <p:sldId id="278" r:id="rId39"/>
    <p:sldId id="274" r:id="rId40"/>
    <p:sldId id="275" r:id="rId41"/>
    <p:sldId id="276" r:id="rId42"/>
    <p:sldId id="277" r:id="rId43"/>
    <p:sldId id="261" r:id="rId44"/>
  </p:sldIdLst>
  <p:sldSz cx="12192000" cy="6858000"/>
  <p:notesSz cx="6858000" cy="9144000"/>
  <p:embeddedFontLst>
    <p:embeddedFont>
      <p:font typeface="Ericsson Hilda" panose="00000500000000000000" pitchFamily="2" charset="0"/>
      <p:regular r:id="rId47"/>
      <p:bold r:id="rId48"/>
    </p:embeddedFont>
    <p:embeddedFont>
      <p:font typeface="Ericsson Hilda Light" panose="00000400000000000000" pitchFamily="2" charset="0"/>
      <p:regular r:id="rId49"/>
    </p:embeddedFont>
    <p:embeddedFont>
      <p:font typeface="Ericsson Technical Icons" panose="00000500000000000000" pitchFamily="2" charset="0"/>
      <p:regular r:id="rId50"/>
      <p:bold r:id="rId51"/>
      <p:italic r:id="rId52"/>
      <p:boldItalic r:id="rId53"/>
    </p:embeddedFont>
  </p:embeddedFontLst>
  <p:defaultTextStyle>
    <a:defPPr>
      <a:defRPr lang="en-US"/>
    </a:defPPr>
    <a:lvl1pPr marL="1800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3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3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3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300"/>
      </a:spcBef>
      <a:spcAft>
        <a:spcPct val="0"/>
      </a:spcAft>
      <a:buClrTx/>
      <a:buFont typeface="Ericsson Hilda" panose="00000500000000000000" pitchFamily="2" charset="0"/>
      <a:buChar char="●"/>
      <a:defRPr sz="2000">
        <a:solidFill>
          <a:schemeClr val="tx1"/>
        </a:solidFill>
        <a:latin typeface="+mn-lt"/>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578C5ED-D29D-4209-ADE7-7AB5FB4C6826}" v="41" dt="2020-01-11T19:13:10.451"/>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9021" autoAdjust="0"/>
    <p:restoredTop sz="93284" autoAdjust="0"/>
  </p:normalViewPr>
  <p:slideViewPr>
    <p:cSldViewPr snapToGrid="0" snapToObjects="1" showGuides="1">
      <p:cViewPr varScale="1">
        <p:scale>
          <a:sx n="64" d="100"/>
          <a:sy n="64" d="100"/>
        </p:scale>
        <p:origin x="524" y="40"/>
      </p:cViewPr>
      <p:guideLst/>
    </p:cSldViewPr>
  </p:slideViewPr>
  <p:notesTextViewPr>
    <p:cViewPr>
      <p:scale>
        <a:sx n="1" d="1"/>
        <a:sy n="1" d="1"/>
      </p:scale>
      <p:origin x="0" y="0"/>
    </p:cViewPr>
  </p:notesTextViewPr>
  <p:sorterViewPr>
    <p:cViewPr>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9.xml"/><Relationship Id="rId21" Type="http://schemas.openxmlformats.org/officeDocument/2006/relationships/customXml" Target="../customXml/item21.xml"/><Relationship Id="rId34" Type="http://schemas.openxmlformats.org/officeDocument/2006/relationships/slide" Target="slides/slide4.xml"/><Relationship Id="rId42" Type="http://schemas.openxmlformats.org/officeDocument/2006/relationships/slide" Target="slides/slide12.xml"/><Relationship Id="rId47" Type="http://schemas.openxmlformats.org/officeDocument/2006/relationships/font" Target="fonts/font1.fntdata"/><Relationship Id="rId50" Type="http://schemas.openxmlformats.org/officeDocument/2006/relationships/font" Target="fonts/font4.fntdata"/><Relationship Id="rId55"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3.xml"/><Relationship Id="rId38" Type="http://schemas.openxmlformats.org/officeDocument/2006/relationships/slide" Target="slides/slide8.xml"/><Relationship Id="rId46" Type="http://schemas.openxmlformats.org/officeDocument/2006/relationships/handoutMaster" Target="handoutMasters/handoutMaster1.xml"/><Relationship Id="rId59"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customXml" Target="../customXml/item29.xml"/><Relationship Id="rId41" Type="http://schemas.openxmlformats.org/officeDocument/2006/relationships/slide" Target="slides/slide11.xml"/><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2.xml"/><Relationship Id="rId37" Type="http://schemas.openxmlformats.org/officeDocument/2006/relationships/slide" Target="slides/slide7.xml"/><Relationship Id="rId40" Type="http://schemas.openxmlformats.org/officeDocument/2006/relationships/slide" Target="slides/slide10.xml"/><Relationship Id="rId45" Type="http://schemas.openxmlformats.org/officeDocument/2006/relationships/notesMaster" Target="notesMasters/notesMaster1.xml"/><Relationship Id="rId53" Type="http://schemas.openxmlformats.org/officeDocument/2006/relationships/font" Target="fonts/font7.fntdata"/><Relationship Id="rId58"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6.xml"/><Relationship Id="rId49" Type="http://schemas.openxmlformats.org/officeDocument/2006/relationships/font" Target="fonts/font3.fntdata"/><Relationship Id="rId57"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1.xml"/><Relationship Id="rId44" Type="http://schemas.openxmlformats.org/officeDocument/2006/relationships/slide" Target="slides/slide14.xml"/><Relationship Id="rId52" Type="http://schemas.openxmlformats.org/officeDocument/2006/relationships/font" Target="fonts/font6.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1.xml"/><Relationship Id="rId35" Type="http://schemas.openxmlformats.org/officeDocument/2006/relationships/slide" Target="slides/slide5.xml"/><Relationship Id="rId43" Type="http://schemas.openxmlformats.org/officeDocument/2006/relationships/slide" Target="slides/slide13.xml"/><Relationship Id="rId48" Type="http://schemas.openxmlformats.org/officeDocument/2006/relationships/font" Target="fonts/font2.fntdata"/><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font" Target="fonts/font5.fntdata"/><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nders Furuskär" userId="5c9f1a7d-b689-4c3c-9fb9-968669d3c21c" providerId="ADAL" clId="{7765E0E6-E566-4A34-A509-1F30C54C065B}"/>
    <pc:docChg chg="custSel addSld delSld modSld modMainMaster">
      <pc:chgData name="Anders Furuskär" userId="5c9f1a7d-b689-4c3c-9fb9-968669d3c21c" providerId="ADAL" clId="{7765E0E6-E566-4A34-A509-1F30C54C065B}" dt="2019-12-20T13:58:55.156" v="1353"/>
      <pc:docMkLst>
        <pc:docMk/>
      </pc:docMkLst>
      <pc:sldChg chg="modSp">
        <pc:chgData name="Anders Furuskär" userId="5c9f1a7d-b689-4c3c-9fb9-968669d3c21c" providerId="ADAL" clId="{7765E0E6-E566-4A34-A509-1F30C54C065B}" dt="2019-12-20T13:51:05.385" v="878" actId="790"/>
        <pc:sldMkLst>
          <pc:docMk/>
          <pc:sldMk cId="1383928708" sldId="261"/>
        </pc:sldMkLst>
        <pc:spChg chg="mod">
          <ac:chgData name="Anders Furuskär" userId="5c9f1a7d-b689-4c3c-9fb9-968669d3c21c" providerId="ADAL" clId="{7765E0E6-E566-4A34-A509-1F30C54C065B}" dt="2019-12-20T13:51:05.385" v="878" actId="790"/>
          <ac:spMkLst>
            <pc:docMk/>
            <pc:sldMk cId="1383928708" sldId="261"/>
            <ac:spMk id="4" creationId="{6FF69E04-8523-4965-90ED-73D4F9BAE271}"/>
          </ac:spMkLst>
        </pc:spChg>
      </pc:sldChg>
      <pc:sldChg chg="modSp">
        <pc:chgData name="Anders Furuskär" userId="5c9f1a7d-b689-4c3c-9fb9-968669d3c21c" providerId="ADAL" clId="{7765E0E6-E566-4A34-A509-1F30C54C065B}" dt="2019-12-20T13:51:26.023" v="1230" actId="5793"/>
        <pc:sldMkLst>
          <pc:docMk/>
          <pc:sldMk cId="3709959988" sldId="270"/>
        </pc:sldMkLst>
        <pc:spChg chg="mod">
          <ac:chgData name="Anders Furuskär" userId="5c9f1a7d-b689-4c3c-9fb9-968669d3c21c" providerId="ADAL" clId="{7765E0E6-E566-4A34-A509-1F30C54C065B}" dt="2019-12-20T13:51:05.344" v="854" actId="790"/>
          <ac:spMkLst>
            <pc:docMk/>
            <pc:sldMk cId="3709959988" sldId="270"/>
            <ac:spMk id="4" creationId="{EA7D4468-58D5-40D1-8182-8FDBCEF777E1}"/>
          </ac:spMkLst>
        </pc:spChg>
        <pc:spChg chg="mod">
          <ac:chgData name="Anders Furuskär" userId="5c9f1a7d-b689-4c3c-9fb9-968669d3c21c" providerId="ADAL" clId="{7765E0E6-E566-4A34-A509-1F30C54C065B}" dt="2019-12-20T13:51:26.023" v="1230" actId="5793"/>
          <ac:spMkLst>
            <pc:docMk/>
            <pc:sldMk cId="3709959988" sldId="270"/>
            <ac:spMk id="5" creationId="{393A08AF-E8DD-44C5-A85C-B1192DD283A4}"/>
          </ac:spMkLst>
        </pc:spChg>
      </pc:sldChg>
      <pc:sldChg chg="modSp">
        <pc:chgData name="Anders Furuskär" userId="5c9f1a7d-b689-4c3c-9fb9-968669d3c21c" providerId="ADAL" clId="{7765E0E6-E566-4A34-A509-1F30C54C065B}" dt="2019-12-20T13:51:05.344" v="853" actId="790"/>
        <pc:sldMkLst>
          <pc:docMk/>
          <pc:sldMk cId="2230748882" sldId="271"/>
        </pc:sldMkLst>
        <pc:spChg chg="mod">
          <ac:chgData name="Anders Furuskär" userId="5c9f1a7d-b689-4c3c-9fb9-968669d3c21c" providerId="ADAL" clId="{7765E0E6-E566-4A34-A509-1F30C54C065B}" dt="2019-12-20T13:51:05.339" v="848" actId="790"/>
          <ac:spMkLst>
            <pc:docMk/>
            <pc:sldMk cId="2230748882" sldId="271"/>
            <ac:spMk id="2" creationId="{F54D311D-2157-4A35-9F56-0E8FE9FDD7BC}"/>
          </ac:spMkLst>
        </pc:spChg>
        <pc:spChg chg="mod">
          <ac:chgData name="Anders Furuskär" userId="5c9f1a7d-b689-4c3c-9fb9-968669d3c21c" providerId="ADAL" clId="{7765E0E6-E566-4A34-A509-1F30C54C065B}" dt="2019-12-20T13:51:05.340" v="849" actId="790"/>
          <ac:spMkLst>
            <pc:docMk/>
            <pc:sldMk cId="2230748882" sldId="271"/>
            <ac:spMk id="3" creationId="{17D5CE7D-CCF0-44B0-843A-8D46859C44EE}"/>
          </ac:spMkLst>
        </pc:spChg>
        <pc:spChg chg="mod">
          <ac:chgData name="Anders Furuskär" userId="5c9f1a7d-b689-4c3c-9fb9-968669d3c21c" providerId="ADAL" clId="{7765E0E6-E566-4A34-A509-1F30C54C065B}" dt="2019-12-20T13:51:05.341" v="850" actId="790"/>
          <ac:spMkLst>
            <pc:docMk/>
            <pc:sldMk cId="2230748882" sldId="271"/>
            <ac:spMk id="4" creationId="{6A927E07-3624-45B8-934B-C229726CA813}"/>
          </ac:spMkLst>
        </pc:spChg>
        <pc:spChg chg="mod">
          <ac:chgData name="Anders Furuskär" userId="5c9f1a7d-b689-4c3c-9fb9-968669d3c21c" providerId="ADAL" clId="{7765E0E6-E566-4A34-A509-1F30C54C065B}" dt="2019-12-20T13:51:05.342" v="851" actId="790"/>
          <ac:spMkLst>
            <pc:docMk/>
            <pc:sldMk cId="2230748882" sldId="271"/>
            <ac:spMk id="5" creationId="{0D8DE8B4-7BAB-4C18-A0E5-01D3A11D374F}"/>
          </ac:spMkLst>
        </pc:spChg>
        <pc:spChg chg="mod">
          <ac:chgData name="Anders Furuskär" userId="5c9f1a7d-b689-4c3c-9fb9-968669d3c21c" providerId="ADAL" clId="{7765E0E6-E566-4A34-A509-1F30C54C065B}" dt="2019-12-20T13:51:05.343" v="852" actId="790"/>
          <ac:spMkLst>
            <pc:docMk/>
            <pc:sldMk cId="2230748882" sldId="271"/>
            <ac:spMk id="6" creationId="{327EB691-17C6-4220-AA5E-2F3518AF8CC2}"/>
          </ac:spMkLst>
        </pc:spChg>
        <pc:spChg chg="mod">
          <ac:chgData name="Anders Furuskär" userId="5c9f1a7d-b689-4c3c-9fb9-968669d3c21c" providerId="ADAL" clId="{7765E0E6-E566-4A34-A509-1F30C54C065B}" dt="2019-12-20T13:51:05.344" v="853" actId="790"/>
          <ac:spMkLst>
            <pc:docMk/>
            <pc:sldMk cId="2230748882" sldId="271"/>
            <ac:spMk id="7" creationId="{0BF70DC3-66C9-451C-917E-BA44956D1DBD}"/>
          </ac:spMkLst>
        </pc:spChg>
      </pc:sldChg>
      <pc:sldChg chg="modSp">
        <pc:chgData name="Anders Furuskär" userId="5c9f1a7d-b689-4c3c-9fb9-968669d3c21c" providerId="ADAL" clId="{7765E0E6-E566-4A34-A509-1F30C54C065B}" dt="2019-12-20T13:51:05.353" v="861" actId="790"/>
        <pc:sldMkLst>
          <pc:docMk/>
          <pc:sldMk cId="1326196502" sldId="273"/>
        </pc:sldMkLst>
        <pc:spChg chg="mod">
          <ac:chgData name="Anders Furuskär" userId="5c9f1a7d-b689-4c3c-9fb9-968669d3c21c" providerId="ADAL" clId="{7765E0E6-E566-4A34-A509-1F30C54C065B}" dt="2019-12-20T13:51:05.349" v="856" actId="790"/>
          <ac:spMkLst>
            <pc:docMk/>
            <pc:sldMk cId="1326196502" sldId="273"/>
            <ac:spMk id="2" creationId="{F54D311D-2157-4A35-9F56-0E8FE9FDD7BC}"/>
          </ac:spMkLst>
        </pc:spChg>
        <pc:spChg chg="mod">
          <ac:chgData name="Anders Furuskär" userId="5c9f1a7d-b689-4c3c-9fb9-968669d3c21c" providerId="ADAL" clId="{7765E0E6-E566-4A34-A509-1F30C54C065B}" dt="2019-12-20T13:51:05.350" v="857" actId="790"/>
          <ac:spMkLst>
            <pc:docMk/>
            <pc:sldMk cId="1326196502" sldId="273"/>
            <ac:spMk id="3" creationId="{17D5CE7D-CCF0-44B0-843A-8D46859C44EE}"/>
          </ac:spMkLst>
        </pc:spChg>
        <pc:spChg chg="mod">
          <ac:chgData name="Anders Furuskär" userId="5c9f1a7d-b689-4c3c-9fb9-968669d3c21c" providerId="ADAL" clId="{7765E0E6-E566-4A34-A509-1F30C54C065B}" dt="2019-12-20T13:51:05.351" v="858" actId="790"/>
          <ac:spMkLst>
            <pc:docMk/>
            <pc:sldMk cId="1326196502" sldId="273"/>
            <ac:spMk id="4" creationId="{6A927E07-3624-45B8-934B-C229726CA813}"/>
          </ac:spMkLst>
        </pc:spChg>
        <pc:spChg chg="mod">
          <ac:chgData name="Anders Furuskär" userId="5c9f1a7d-b689-4c3c-9fb9-968669d3c21c" providerId="ADAL" clId="{7765E0E6-E566-4A34-A509-1F30C54C065B}" dt="2019-12-20T13:51:05.352" v="859" actId="790"/>
          <ac:spMkLst>
            <pc:docMk/>
            <pc:sldMk cId="1326196502" sldId="273"/>
            <ac:spMk id="5" creationId="{0D8DE8B4-7BAB-4C18-A0E5-01D3A11D374F}"/>
          </ac:spMkLst>
        </pc:spChg>
        <pc:spChg chg="mod">
          <ac:chgData name="Anders Furuskär" userId="5c9f1a7d-b689-4c3c-9fb9-968669d3c21c" providerId="ADAL" clId="{7765E0E6-E566-4A34-A509-1F30C54C065B}" dt="2019-12-20T13:51:05.353" v="860" actId="790"/>
          <ac:spMkLst>
            <pc:docMk/>
            <pc:sldMk cId="1326196502" sldId="273"/>
            <ac:spMk id="6" creationId="{327EB691-17C6-4220-AA5E-2F3518AF8CC2}"/>
          </ac:spMkLst>
        </pc:spChg>
        <pc:spChg chg="mod">
          <ac:chgData name="Anders Furuskär" userId="5c9f1a7d-b689-4c3c-9fb9-968669d3c21c" providerId="ADAL" clId="{7765E0E6-E566-4A34-A509-1F30C54C065B}" dt="2019-12-20T13:51:05.353" v="861" actId="790"/>
          <ac:spMkLst>
            <pc:docMk/>
            <pc:sldMk cId="1326196502" sldId="273"/>
            <ac:spMk id="7" creationId="{0BF70DC3-66C9-451C-917E-BA44956D1DBD}"/>
          </ac:spMkLst>
        </pc:spChg>
      </pc:sldChg>
      <pc:sldChg chg="modSp">
        <pc:chgData name="Anders Furuskär" userId="5c9f1a7d-b689-4c3c-9fb9-968669d3c21c" providerId="ADAL" clId="{7765E0E6-E566-4A34-A509-1F30C54C065B}" dt="2019-12-20T13:51:05.364" v="865" actId="790"/>
        <pc:sldMkLst>
          <pc:docMk/>
          <pc:sldMk cId="1901206566" sldId="274"/>
        </pc:sldMkLst>
        <pc:spChg chg="mod">
          <ac:chgData name="Anders Furuskär" userId="5c9f1a7d-b689-4c3c-9fb9-968669d3c21c" providerId="ADAL" clId="{7765E0E6-E566-4A34-A509-1F30C54C065B}" dt="2019-12-20T13:51:05.360" v="864" actId="790"/>
          <ac:spMkLst>
            <pc:docMk/>
            <pc:sldMk cId="1901206566" sldId="274"/>
            <ac:spMk id="4" creationId="{306D82EC-811D-454E-9DFF-2EEC63AD50B4}"/>
          </ac:spMkLst>
        </pc:spChg>
        <pc:spChg chg="mod">
          <ac:chgData name="Anders Furuskär" userId="5c9f1a7d-b689-4c3c-9fb9-968669d3c21c" providerId="ADAL" clId="{7765E0E6-E566-4A34-A509-1F30C54C065B}" dt="2019-12-20T13:51:05.364" v="865" actId="790"/>
          <ac:spMkLst>
            <pc:docMk/>
            <pc:sldMk cId="1901206566" sldId="274"/>
            <ac:spMk id="5" creationId="{80CFE1E9-2446-4327-A152-D121E1DA7E83}"/>
          </ac:spMkLst>
        </pc:spChg>
      </pc:sldChg>
      <pc:sldChg chg="modSp">
        <pc:chgData name="Anders Furuskär" userId="5c9f1a7d-b689-4c3c-9fb9-968669d3c21c" providerId="ADAL" clId="{7765E0E6-E566-4A34-A509-1F30C54C065B}" dt="2019-12-20T13:51:05.373" v="868" actId="790"/>
        <pc:sldMkLst>
          <pc:docMk/>
          <pc:sldMk cId="3178844102" sldId="275"/>
        </pc:sldMkLst>
        <pc:spChg chg="mod">
          <ac:chgData name="Anders Furuskär" userId="5c9f1a7d-b689-4c3c-9fb9-968669d3c21c" providerId="ADAL" clId="{7765E0E6-E566-4A34-A509-1F30C54C065B}" dt="2019-12-20T13:51:05.365" v="866" actId="790"/>
          <ac:spMkLst>
            <pc:docMk/>
            <pc:sldMk cId="3178844102" sldId="275"/>
            <ac:spMk id="4" creationId="{306D82EC-811D-454E-9DFF-2EEC63AD50B4}"/>
          </ac:spMkLst>
        </pc:spChg>
        <pc:spChg chg="mod">
          <ac:chgData name="Anders Furuskär" userId="5c9f1a7d-b689-4c3c-9fb9-968669d3c21c" providerId="ADAL" clId="{7765E0E6-E566-4A34-A509-1F30C54C065B}" dt="2019-12-20T13:51:05.371" v="867" actId="790"/>
          <ac:spMkLst>
            <pc:docMk/>
            <pc:sldMk cId="3178844102" sldId="275"/>
            <ac:spMk id="5" creationId="{80CFE1E9-2446-4327-A152-D121E1DA7E83}"/>
          </ac:spMkLst>
        </pc:spChg>
        <pc:spChg chg="mod">
          <ac:chgData name="Anders Furuskär" userId="5c9f1a7d-b689-4c3c-9fb9-968669d3c21c" providerId="ADAL" clId="{7765E0E6-E566-4A34-A509-1F30C54C065B}" dt="2019-12-20T13:51:05.373" v="868" actId="790"/>
          <ac:spMkLst>
            <pc:docMk/>
            <pc:sldMk cId="3178844102" sldId="275"/>
            <ac:spMk id="6" creationId="{A99C077D-D2A2-4B7F-A9AD-830CD440E4D1}"/>
          </ac:spMkLst>
        </pc:spChg>
      </pc:sldChg>
      <pc:sldChg chg="modSp">
        <pc:chgData name="Anders Furuskär" userId="5c9f1a7d-b689-4c3c-9fb9-968669d3c21c" providerId="ADAL" clId="{7765E0E6-E566-4A34-A509-1F30C54C065B}" dt="2019-12-20T13:51:05.378" v="870" actId="790"/>
        <pc:sldMkLst>
          <pc:docMk/>
          <pc:sldMk cId="489233192" sldId="276"/>
        </pc:sldMkLst>
        <pc:spChg chg="mod">
          <ac:chgData name="Anders Furuskär" userId="5c9f1a7d-b689-4c3c-9fb9-968669d3c21c" providerId="ADAL" clId="{7765E0E6-E566-4A34-A509-1F30C54C065B}" dt="2019-12-20T13:51:05.374" v="869" actId="790"/>
          <ac:spMkLst>
            <pc:docMk/>
            <pc:sldMk cId="489233192" sldId="276"/>
            <ac:spMk id="4" creationId="{EA7D4468-58D5-40D1-8182-8FDBCEF777E1}"/>
          </ac:spMkLst>
        </pc:spChg>
        <pc:spChg chg="mod">
          <ac:chgData name="Anders Furuskär" userId="5c9f1a7d-b689-4c3c-9fb9-968669d3c21c" providerId="ADAL" clId="{7765E0E6-E566-4A34-A509-1F30C54C065B}" dt="2019-12-20T13:51:05.378" v="870" actId="790"/>
          <ac:spMkLst>
            <pc:docMk/>
            <pc:sldMk cId="489233192" sldId="276"/>
            <ac:spMk id="5" creationId="{393A08AF-E8DD-44C5-A85C-B1192DD283A4}"/>
          </ac:spMkLst>
        </pc:spChg>
      </pc:sldChg>
      <pc:sldChg chg="modSp">
        <pc:chgData name="Anders Furuskär" userId="5c9f1a7d-b689-4c3c-9fb9-968669d3c21c" providerId="ADAL" clId="{7765E0E6-E566-4A34-A509-1F30C54C065B}" dt="2019-12-20T13:51:05.385" v="877" actId="790"/>
        <pc:sldMkLst>
          <pc:docMk/>
          <pc:sldMk cId="168672176" sldId="277"/>
        </pc:sldMkLst>
        <pc:spChg chg="mod">
          <ac:chgData name="Anders Furuskär" userId="5c9f1a7d-b689-4c3c-9fb9-968669d3c21c" providerId="ADAL" clId="{7765E0E6-E566-4A34-A509-1F30C54C065B}" dt="2019-12-20T13:51:05.379" v="871" actId="790"/>
          <ac:spMkLst>
            <pc:docMk/>
            <pc:sldMk cId="168672176" sldId="277"/>
            <ac:spMk id="2" creationId="{9489AAB5-229B-463D-A48D-36E26FF960C3}"/>
          </ac:spMkLst>
        </pc:spChg>
        <pc:spChg chg="mod">
          <ac:chgData name="Anders Furuskär" userId="5c9f1a7d-b689-4c3c-9fb9-968669d3c21c" providerId="ADAL" clId="{7765E0E6-E566-4A34-A509-1F30C54C065B}" dt="2019-12-20T13:51:05.380" v="872" actId="790"/>
          <ac:spMkLst>
            <pc:docMk/>
            <pc:sldMk cId="168672176" sldId="277"/>
            <ac:spMk id="3" creationId="{93FC22F8-0635-40EC-B6F3-561F21049DF4}"/>
          </ac:spMkLst>
        </pc:spChg>
        <pc:spChg chg="mod">
          <ac:chgData name="Anders Furuskär" userId="5c9f1a7d-b689-4c3c-9fb9-968669d3c21c" providerId="ADAL" clId="{7765E0E6-E566-4A34-A509-1F30C54C065B}" dt="2019-12-20T13:51:05.381" v="873" actId="790"/>
          <ac:spMkLst>
            <pc:docMk/>
            <pc:sldMk cId="168672176" sldId="277"/>
            <ac:spMk id="6" creationId="{1AF7A813-3C4A-427E-8AE1-638B83CF95E2}"/>
          </ac:spMkLst>
        </pc:spChg>
        <pc:spChg chg="mod">
          <ac:chgData name="Anders Furuskär" userId="5c9f1a7d-b689-4c3c-9fb9-968669d3c21c" providerId="ADAL" clId="{7765E0E6-E566-4A34-A509-1F30C54C065B}" dt="2019-12-20T13:51:05.382" v="874" actId="790"/>
          <ac:spMkLst>
            <pc:docMk/>
            <pc:sldMk cId="168672176" sldId="277"/>
            <ac:spMk id="7" creationId="{6318772D-92DA-482A-90FF-68C7A0D03ECA}"/>
          </ac:spMkLst>
        </pc:spChg>
        <pc:spChg chg="mod">
          <ac:chgData name="Anders Furuskär" userId="5c9f1a7d-b689-4c3c-9fb9-968669d3c21c" providerId="ADAL" clId="{7765E0E6-E566-4A34-A509-1F30C54C065B}" dt="2019-12-20T13:51:05.383" v="875" actId="790"/>
          <ac:spMkLst>
            <pc:docMk/>
            <pc:sldMk cId="168672176" sldId="277"/>
            <ac:spMk id="8" creationId="{C689E6E6-156C-43E3-A351-4ADFCF6A2996}"/>
          </ac:spMkLst>
        </pc:spChg>
        <pc:spChg chg="mod">
          <ac:chgData name="Anders Furuskär" userId="5c9f1a7d-b689-4c3c-9fb9-968669d3c21c" providerId="ADAL" clId="{7765E0E6-E566-4A34-A509-1F30C54C065B}" dt="2019-12-20T13:51:05.384" v="876" actId="790"/>
          <ac:spMkLst>
            <pc:docMk/>
            <pc:sldMk cId="168672176" sldId="277"/>
            <ac:spMk id="9" creationId="{7AF4F253-AAD6-4512-8CCF-F01B8D8E88AF}"/>
          </ac:spMkLst>
        </pc:spChg>
        <pc:spChg chg="mod">
          <ac:chgData name="Anders Furuskär" userId="5c9f1a7d-b689-4c3c-9fb9-968669d3c21c" providerId="ADAL" clId="{7765E0E6-E566-4A34-A509-1F30C54C065B}" dt="2019-12-20T13:51:05.385" v="877" actId="790"/>
          <ac:spMkLst>
            <pc:docMk/>
            <pc:sldMk cId="168672176" sldId="277"/>
            <ac:spMk id="10" creationId="{02D620CD-E614-4B05-8B8E-5791F7D51991}"/>
          </ac:spMkLst>
        </pc:spChg>
      </pc:sldChg>
      <pc:sldChg chg="modSp">
        <pc:chgData name="Anders Furuskär" userId="5c9f1a7d-b689-4c3c-9fb9-968669d3c21c" providerId="ADAL" clId="{7765E0E6-E566-4A34-A509-1F30C54C065B}" dt="2019-12-20T13:51:05.359" v="863" actId="790"/>
        <pc:sldMkLst>
          <pc:docMk/>
          <pc:sldMk cId="2232092640" sldId="278"/>
        </pc:sldMkLst>
        <pc:spChg chg="mod">
          <ac:chgData name="Anders Furuskär" userId="5c9f1a7d-b689-4c3c-9fb9-968669d3c21c" providerId="ADAL" clId="{7765E0E6-E566-4A34-A509-1F30C54C065B}" dt="2019-12-20T13:51:05.354" v="862" actId="790"/>
          <ac:spMkLst>
            <pc:docMk/>
            <pc:sldMk cId="2232092640" sldId="278"/>
            <ac:spMk id="8" creationId="{F43A1B8E-DC95-4EE1-BC70-5E5AA4615922}"/>
          </ac:spMkLst>
        </pc:spChg>
        <pc:spChg chg="mod">
          <ac:chgData name="Anders Furuskär" userId="5c9f1a7d-b689-4c3c-9fb9-968669d3c21c" providerId="ADAL" clId="{7765E0E6-E566-4A34-A509-1F30C54C065B}" dt="2019-12-20T13:51:05.359" v="863" actId="790"/>
          <ac:spMkLst>
            <pc:docMk/>
            <pc:sldMk cId="2232092640" sldId="278"/>
            <ac:spMk id="9" creationId="{CF0B8360-8EFB-47B8-A060-8BACF6A1DE49}"/>
          </ac:spMkLst>
        </pc:spChg>
      </pc:sldChg>
      <pc:sldMasterChg chg="modSp modSldLayout">
        <pc:chgData name="Anders Furuskär" userId="5c9f1a7d-b689-4c3c-9fb9-968669d3c21c" providerId="ADAL" clId="{7765E0E6-E566-4A34-A509-1F30C54C065B}" dt="2019-12-20T13:58:55.156" v="1353"/>
        <pc:sldMasterMkLst>
          <pc:docMk/>
          <pc:sldMasterMk cId="2523064765" sldId="2147483660"/>
        </pc:sldMasterMkLst>
        <pc:spChg chg="mod">
          <ac:chgData name="Anders Furuskär" userId="5c9f1a7d-b689-4c3c-9fb9-968669d3c21c" providerId="ADAL" clId="{7765E0E6-E566-4A34-A509-1F30C54C065B}" dt="2019-12-20T13:51:05.698" v="1091" actId="790"/>
          <ac:spMkLst>
            <pc:docMk/>
            <pc:sldMasterMk cId="2523064765" sldId="2147483660"/>
            <ac:spMk id="8" creationId="{483145CE-A2DE-4236-A4F9-8AE088671CA5}"/>
          </ac:spMkLst>
        </pc:spChg>
        <pc:spChg chg="mod">
          <ac:chgData name="Anders Furuskär" userId="5c9f1a7d-b689-4c3c-9fb9-968669d3c21c" providerId="ADAL" clId="{7765E0E6-E566-4A34-A509-1F30C54C065B}" dt="2019-12-20T13:51:05.695" v="1090" actId="790"/>
          <ac:spMkLst>
            <pc:docMk/>
            <pc:sldMasterMk cId="2523064765" sldId="2147483660"/>
            <ac:spMk id="21506" creationId="{00000000-0000-0000-0000-000000000000}"/>
          </ac:spMkLst>
        </pc:spChg>
        <pc:sldLayoutChg chg="modSp">
          <pc:chgData name="Anders Furuskär" userId="5c9f1a7d-b689-4c3c-9fb9-968669d3c21c" providerId="ADAL" clId="{7765E0E6-E566-4A34-A509-1F30C54C065B}" dt="2019-12-20T13:58:54.958" v="1233"/>
          <pc:sldLayoutMkLst>
            <pc:docMk/>
            <pc:sldMasterMk cId="2523064765" sldId="2147483660"/>
            <pc:sldLayoutMk cId="1374575616" sldId="2147483661"/>
          </pc:sldLayoutMkLst>
          <pc:spChg chg="mod">
            <ac:chgData name="Anders Furuskär" userId="5c9f1a7d-b689-4c3c-9fb9-968669d3c21c" providerId="ADAL" clId="{7765E0E6-E566-4A34-A509-1F30C54C065B}" dt="2019-12-20T13:51:05.390" v="882" actId="790"/>
            <ac:spMkLst>
              <pc:docMk/>
              <pc:sldMasterMk cId="2523064765" sldId="2147483660"/>
              <pc:sldLayoutMk cId="1374575616" sldId="2147483661"/>
              <ac:spMk id="3" creationId="{00000000-0000-0000-0000-000000000000}"/>
            </ac:spMkLst>
          </pc:spChg>
          <pc:spChg chg="mod">
            <ac:chgData name="Anders Furuskär" userId="5c9f1a7d-b689-4c3c-9fb9-968669d3c21c" providerId="ADAL" clId="{7765E0E6-E566-4A34-A509-1F30C54C065B}" dt="2019-12-20T13:58:54.958" v="1233"/>
            <ac:spMkLst>
              <pc:docMk/>
              <pc:sldMasterMk cId="2523064765" sldId="2147483660"/>
              <pc:sldLayoutMk cId="1374575616" sldId="2147483661"/>
              <ac:spMk id="9" creationId="{72C1EE1F-EF94-4EBA-A010-8BC3D2F38C39}"/>
            </ac:spMkLst>
          </pc:spChg>
          <pc:spChg chg="mod">
            <ac:chgData name="Anders Furuskär" userId="5c9f1a7d-b689-4c3c-9fb9-968669d3c21c" providerId="ADAL" clId="{7765E0E6-E566-4A34-A509-1F30C54C065B}" dt="2019-12-20T13:51:05.408" v="886" actId="790"/>
            <ac:spMkLst>
              <pc:docMk/>
              <pc:sldMasterMk cId="2523064765" sldId="2147483660"/>
              <pc:sldLayoutMk cId="1374575616" sldId="2147483661"/>
              <ac:spMk id="10" creationId="{D76AC379-37ED-447F-84CF-99B2FA694549}"/>
            </ac:spMkLst>
          </pc:spChg>
          <pc:spChg chg="mod">
            <ac:chgData name="Anders Furuskär" userId="5c9f1a7d-b689-4c3c-9fb9-968669d3c21c" providerId="ADAL" clId="{7765E0E6-E566-4A34-A509-1F30C54C065B}" dt="2019-12-20T13:51:05.386" v="879" actId="790"/>
            <ac:spMkLst>
              <pc:docMk/>
              <pc:sldMasterMk cId="2523064765" sldId="2147483660"/>
              <pc:sldLayoutMk cId="1374575616" sldId="2147483661"/>
              <ac:spMk id="11" creationId="{36D1288D-6C72-4971-B895-27E90722A109}"/>
            </ac:spMkLst>
          </pc:spChg>
          <pc:spChg chg="mod">
            <ac:chgData name="Anders Furuskär" userId="5c9f1a7d-b689-4c3c-9fb9-968669d3c21c" providerId="ADAL" clId="{7765E0E6-E566-4A34-A509-1F30C54C065B}" dt="2019-12-20T13:51:05.390" v="883" actId="790"/>
            <ac:spMkLst>
              <pc:docMk/>
              <pc:sldMasterMk cId="2523064765" sldId="2147483660"/>
              <pc:sldLayoutMk cId="1374575616" sldId="2147483661"/>
              <ac:spMk id="12" creationId="{00000000-0000-0000-0000-000000000000}"/>
            </ac:spMkLst>
          </pc:spChg>
          <pc:spChg chg="mod">
            <ac:chgData name="Anders Furuskär" userId="5c9f1a7d-b689-4c3c-9fb9-968669d3c21c" providerId="ADAL" clId="{7765E0E6-E566-4A34-A509-1F30C54C065B}" dt="2019-12-20T13:51:05.391" v="884" actId="790"/>
            <ac:spMkLst>
              <pc:docMk/>
              <pc:sldMasterMk cId="2523064765" sldId="2147483660"/>
              <pc:sldLayoutMk cId="1374575616" sldId="2147483661"/>
              <ac:spMk id="15" creationId="{00000000-0000-0000-0000-000000000000}"/>
            </ac:spMkLst>
          </pc:spChg>
          <pc:spChg chg="mod">
            <ac:chgData name="Anders Furuskär" userId="5c9f1a7d-b689-4c3c-9fb9-968669d3c21c" providerId="ADAL" clId="{7765E0E6-E566-4A34-A509-1F30C54C065B}" dt="2019-12-20T13:51:05.389" v="881" actId="790"/>
            <ac:spMkLst>
              <pc:docMk/>
              <pc:sldMasterMk cId="2523064765" sldId="2147483660"/>
              <pc:sldLayoutMk cId="1374575616" sldId="2147483661"/>
              <ac:spMk id="22530" creationId="{00000000-0000-0000-0000-000000000000}"/>
            </ac:spMkLst>
          </pc:spChg>
          <pc:spChg chg="mod">
            <ac:chgData name="Anders Furuskär" userId="5c9f1a7d-b689-4c3c-9fb9-968669d3c21c" providerId="ADAL" clId="{7765E0E6-E566-4A34-A509-1F30C54C065B}" dt="2019-12-20T13:51:05.388" v="880" actId="790"/>
            <ac:spMkLst>
              <pc:docMk/>
              <pc:sldMasterMk cId="2523064765" sldId="2147483660"/>
              <pc:sldLayoutMk cId="1374575616" sldId="2147483661"/>
              <ac:spMk id="22531" creationId="{00000000-0000-0000-0000-000000000000}"/>
            </ac:spMkLst>
          </pc:spChg>
        </pc:sldLayoutChg>
        <pc:sldLayoutChg chg="modSp">
          <pc:chgData name="Anders Furuskär" userId="5c9f1a7d-b689-4c3c-9fb9-968669d3c21c" providerId="ADAL" clId="{7765E0E6-E566-4A34-A509-1F30C54C065B}" dt="2019-12-20T13:58:54.968" v="1239"/>
          <pc:sldLayoutMkLst>
            <pc:docMk/>
            <pc:sldMasterMk cId="2523064765" sldId="2147483660"/>
            <pc:sldLayoutMk cId="1085322578" sldId="2147483662"/>
          </pc:sldLayoutMkLst>
          <pc:spChg chg="mod">
            <ac:chgData name="Anders Furuskär" userId="5c9f1a7d-b689-4c3c-9fb9-968669d3c21c" providerId="ADAL" clId="{7765E0E6-E566-4A34-A509-1F30C54C065B}" dt="2019-12-20T13:51:05.418" v="895" actId="790"/>
            <ac:spMkLst>
              <pc:docMk/>
              <pc:sldMasterMk cId="2523064765" sldId="2147483660"/>
              <pc:sldLayoutMk cId="1085322578" sldId="2147483662"/>
              <ac:spMk id="6" creationId="{0B84C4A2-9E83-4451-8F6C-F4FA7B70C700}"/>
            </ac:spMkLst>
          </pc:spChg>
          <pc:spChg chg="mod">
            <ac:chgData name="Anders Furuskär" userId="5c9f1a7d-b689-4c3c-9fb9-968669d3c21c" providerId="ADAL" clId="{7765E0E6-E566-4A34-A509-1F30C54C065B}" dt="2019-12-20T13:58:54.968" v="1239"/>
            <ac:spMkLst>
              <pc:docMk/>
              <pc:sldMasterMk cId="2523064765" sldId="2147483660"/>
              <pc:sldLayoutMk cId="1085322578" sldId="2147483662"/>
              <ac:spMk id="7" creationId="{3AD885ED-EA58-419A-BC0B-F06CF9659422}"/>
            </ac:spMkLst>
          </pc:spChg>
          <pc:spChg chg="mod">
            <ac:chgData name="Anders Furuskär" userId="5c9f1a7d-b689-4c3c-9fb9-968669d3c21c" providerId="ADAL" clId="{7765E0E6-E566-4A34-A509-1F30C54C065B}" dt="2019-12-20T13:51:05.419" v="896" actId="790"/>
            <ac:spMkLst>
              <pc:docMk/>
              <pc:sldMasterMk cId="2523064765" sldId="2147483660"/>
              <pc:sldLayoutMk cId="1085322578" sldId="2147483662"/>
              <ac:spMk id="9" creationId="{696C7C8F-5086-466A-8108-2FE0A8663D59}"/>
            </ac:spMkLst>
          </pc:spChg>
          <pc:spChg chg="mod">
            <ac:chgData name="Anders Furuskär" userId="5c9f1a7d-b689-4c3c-9fb9-968669d3c21c" providerId="ADAL" clId="{7765E0E6-E566-4A34-A509-1F30C54C065B}" dt="2019-12-20T13:51:05.420" v="897" actId="790"/>
            <ac:spMkLst>
              <pc:docMk/>
              <pc:sldMasterMk cId="2523064765" sldId="2147483660"/>
              <pc:sldLayoutMk cId="1085322578" sldId="2147483662"/>
              <ac:spMk id="10" creationId="{ED5DEA0B-CF0D-4EE6-B6A8-90BAF3DE8AF1}"/>
            </ac:spMkLst>
          </pc:spChg>
          <pc:spChg chg="mod">
            <ac:chgData name="Anders Furuskär" userId="5c9f1a7d-b689-4c3c-9fb9-968669d3c21c" providerId="ADAL" clId="{7765E0E6-E566-4A34-A509-1F30C54C065B}" dt="2019-12-20T13:51:05.423" v="899" actId="790"/>
            <ac:spMkLst>
              <pc:docMk/>
              <pc:sldMasterMk cId="2523064765" sldId="2147483660"/>
              <pc:sldLayoutMk cId="1085322578" sldId="2147483662"/>
              <ac:spMk id="13" creationId="{417661C0-2F80-41FC-8827-508BB33F9230}"/>
            </ac:spMkLst>
          </pc:spChg>
        </pc:sldLayoutChg>
        <pc:sldLayoutChg chg="modSp">
          <pc:chgData name="Anders Furuskär" userId="5c9f1a7d-b689-4c3c-9fb9-968669d3c21c" providerId="ADAL" clId="{7765E0E6-E566-4A34-A509-1F30C54C065B}" dt="2019-12-20T13:58:54.972" v="1242"/>
          <pc:sldLayoutMkLst>
            <pc:docMk/>
            <pc:sldMasterMk cId="2523064765" sldId="2147483660"/>
            <pc:sldLayoutMk cId="2064663325" sldId="2147483664"/>
          </pc:sldLayoutMkLst>
          <pc:spChg chg="mod">
            <ac:chgData name="Anders Furuskär" userId="5c9f1a7d-b689-4c3c-9fb9-968669d3c21c" providerId="ADAL" clId="{7765E0E6-E566-4A34-A509-1F30C54C065B}" dt="2019-12-20T13:58:54.972" v="1242"/>
            <ac:spMkLst>
              <pc:docMk/>
              <pc:sldMasterMk cId="2523064765" sldId="2147483660"/>
              <pc:sldLayoutMk cId="2064663325" sldId="2147483664"/>
              <ac:spMk id="8" creationId="{866A1512-27D5-4CA8-94C5-10E56C30705D}"/>
            </ac:spMkLst>
          </pc:spChg>
          <pc:spChg chg="mod">
            <ac:chgData name="Anders Furuskär" userId="5c9f1a7d-b689-4c3c-9fb9-968669d3c21c" providerId="ADAL" clId="{7765E0E6-E566-4A34-A509-1F30C54C065B}" dt="2019-12-20T13:51:05.425" v="901" actId="790"/>
            <ac:spMkLst>
              <pc:docMk/>
              <pc:sldMasterMk cId="2523064765" sldId="2147483660"/>
              <pc:sldLayoutMk cId="2064663325" sldId="2147483664"/>
              <ac:spMk id="9" creationId="{696C7C8F-5086-466A-8108-2FE0A8663D59}"/>
            </ac:spMkLst>
          </pc:spChg>
          <pc:spChg chg="mod">
            <ac:chgData name="Anders Furuskär" userId="5c9f1a7d-b689-4c3c-9fb9-968669d3c21c" providerId="ADAL" clId="{7765E0E6-E566-4A34-A509-1F30C54C065B}" dt="2019-12-20T13:51:05.426" v="902" actId="790"/>
            <ac:spMkLst>
              <pc:docMk/>
              <pc:sldMasterMk cId="2523064765" sldId="2147483660"/>
              <pc:sldLayoutMk cId="2064663325" sldId="2147483664"/>
              <ac:spMk id="10" creationId="{ED5DEA0B-CF0D-4EE6-B6A8-90BAF3DE8AF1}"/>
            </ac:spMkLst>
          </pc:spChg>
          <pc:spChg chg="mod">
            <ac:chgData name="Anders Furuskär" userId="5c9f1a7d-b689-4c3c-9fb9-968669d3c21c" providerId="ADAL" clId="{7765E0E6-E566-4A34-A509-1F30C54C065B}" dt="2019-12-20T13:51:05.429" v="904" actId="790"/>
            <ac:spMkLst>
              <pc:docMk/>
              <pc:sldMasterMk cId="2523064765" sldId="2147483660"/>
              <pc:sldLayoutMk cId="2064663325" sldId="2147483664"/>
              <ac:spMk id="11" creationId="{30276571-778A-43C8-820D-4E055433343F}"/>
            </ac:spMkLst>
          </pc:spChg>
          <pc:spChg chg="mod">
            <ac:chgData name="Anders Furuskär" userId="5c9f1a7d-b689-4c3c-9fb9-968669d3c21c" providerId="ADAL" clId="{7765E0E6-E566-4A34-A509-1F30C54C065B}" dt="2019-12-20T13:51:05.424" v="900" actId="790"/>
            <ac:spMkLst>
              <pc:docMk/>
              <pc:sldMasterMk cId="2523064765" sldId="2147483660"/>
              <pc:sldLayoutMk cId="2064663325" sldId="2147483664"/>
              <ac:spMk id="13" creationId="{368FADF5-0F2E-41A5-9C74-2E60F7AC8939}"/>
            </ac:spMkLst>
          </pc:spChg>
        </pc:sldLayoutChg>
        <pc:sldLayoutChg chg="modSp">
          <pc:chgData name="Anders Furuskär" userId="5c9f1a7d-b689-4c3c-9fb9-968669d3c21c" providerId="ADAL" clId="{7765E0E6-E566-4A34-A509-1F30C54C065B}" dt="2019-12-20T13:58:54.976" v="1245"/>
          <pc:sldLayoutMkLst>
            <pc:docMk/>
            <pc:sldMasterMk cId="2523064765" sldId="2147483660"/>
            <pc:sldLayoutMk cId="2108219646" sldId="2147483665"/>
          </pc:sldLayoutMkLst>
          <pc:spChg chg="mod">
            <ac:chgData name="Anders Furuskär" userId="5c9f1a7d-b689-4c3c-9fb9-968669d3c21c" providerId="ADAL" clId="{7765E0E6-E566-4A34-A509-1F30C54C065B}" dt="2019-12-20T13:51:05.430" v="905" actId="790"/>
            <ac:spMkLst>
              <pc:docMk/>
              <pc:sldMasterMk cId="2523064765" sldId="2147483660"/>
              <pc:sldLayoutMk cId="2108219646" sldId="2147483665"/>
              <ac:spMk id="4" creationId="{00000000-0000-0000-0000-000000000000}"/>
            </ac:spMkLst>
          </pc:spChg>
          <pc:spChg chg="mod">
            <ac:chgData name="Anders Furuskär" userId="5c9f1a7d-b689-4c3c-9fb9-968669d3c21c" providerId="ADAL" clId="{7765E0E6-E566-4A34-A509-1F30C54C065B}" dt="2019-12-20T13:58:54.976" v="1245"/>
            <ac:spMkLst>
              <pc:docMk/>
              <pc:sldMasterMk cId="2523064765" sldId="2147483660"/>
              <pc:sldLayoutMk cId="2108219646" sldId="2147483665"/>
              <ac:spMk id="7" creationId="{F4D3A834-11EE-4BDF-A704-0BF0873EFBA3}"/>
            </ac:spMkLst>
          </pc:spChg>
          <pc:spChg chg="mod">
            <ac:chgData name="Anders Furuskär" userId="5c9f1a7d-b689-4c3c-9fb9-968669d3c21c" providerId="ADAL" clId="{7765E0E6-E566-4A34-A509-1F30C54C065B}" dt="2019-12-20T13:51:05.435" v="909" actId="790"/>
            <ac:spMkLst>
              <pc:docMk/>
              <pc:sldMasterMk cId="2523064765" sldId="2147483660"/>
              <pc:sldLayoutMk cId="2108219646" sldId="2147483665"/>
              <ac:spMk id="8" creationId="{B0BFCB65-C4A0-4777-AB6F-CDDDEBA7BAEE}"/>
            </ac:spMkLst>
          </pc:spChg>
          <pc:spChg chg="mod">
            <ac:chgData name="Anders Furuskär" userId="5c9f1a7d-b689-4c3c-9fb9-968669d3c21c" providerId="ADAL" clId="{7765E0E6-E566-4A34-A509-1F30C54C065B}" dt="2019-12-20T13:51:05.431" v="906" actId="790"/>
            <ac:spMkLst>
              <pc:docMk/>
              <pc:sldMasterMk cId="2523064765" sldId="2147483660"/>
              <pc:sldLayoutMk cId="2108219646" sldId="2147483665"/>
              <ac:spMk id="11" creationId="{48FE7FF9-3930-4C4A-8BC6-EB9A286812D4}"/>
            </ac:spMkLst>
          </pc:spChg>
          <pc:spChg chg="mod">
            <ac:chgData name="Anders Furuskär" userId="5c9f1a7d-b689-4c3c-9fb9-968669d3c21c" providerId="ADAL" clId="{7765E0E6-E566-4A34-A509-1F30C54C065B}" dt="2019-12-20T13:51:05.433" v="907" actId="790"/>
            <ac:spMkLst>
              <pc:docMk/>
              <pc:sldMasterMk cId="2523064765" sldId="2147483660"/>
              <pc:sldLayoutMk cId="2108219646" sldId="2147483665"/>
              <ac:spMk id="12" creationId="{A60848B0-180A-4C02-A8B3-E172AF538B61}"/>
            </ac:spMkLst>
          </pc:spChg>
        </pc:sldLayoutChg>
        <pc:sldLayoutChg chg="modSp">
          <pc:chgData name="Anders Furuskär" userId="5c9f1a7d-b689-4c3c-9fb9-968669d3c21c" providerId="ADAL" clId="{7765E0E6-E566-4A34-A509-1F30C54C065B}" dt="2019-12-20T13:58:54.981" v="1248"/>
          <pc:sldLayoutMkLst>
            <pc:docMk/>
            <pc:sldMasterMk cId="2523064765" sldId="2147483660"/>
            <pc:sldLayoutMk cId="299406540" sldId="2147483666"/>
          </pc:sldLayoutMkLst>
          <pc:spChg chg="mod">
            <ac:chgData name="Anders Furuskär" userId="5c9f1a7d-b689-4c3c-9fb9-968669d3c21c" providerId="ADAL" clId="{7765E0E6-E566-4A34-A509-1F30C54C065B}" dt="2019-12-20T13:51:05.435" v="910"/>
            <ac:spMkLst>
              <pc:docMk/>
              <pc:sldMasterMk cId="2523064765" sldId="2147483660"/>
              <pc:sldLayoutMk cId="299406540" sldId="2147483666"/>
              <ac:spMk id="4" creationId="{00000000-0000-0000-0000-000000000000}"/>
            </ac:spMkLst>
          </pc:spChg>
          <pc:spChg chg="mod">
            <ac:chgData name="Anders Furuskär" userId="5c9f1a7d-b689-4c3c-9fb9-968669d3c21c" providerId="ADAL" clId="{7765E0E6-E566-4A34-A509-1F30C54C065B}" dt="2019-12-20T13:58:54.981" v="1248"/>
            <ac:spMkLst>
              <pc:docMk/>
              <pc:sldMasterMk cId="2523064765" sldId="2147483660"/>
              <pc:sldLayoutMk cId="299406540" sldId="2147483666"/>
              <ac:spMk id="7" creationId="{A51D0608-0A57-43BF-AD18-8DFD8B5D249B}"/>
            </ac:spMkLst>
          </pc:spChg>
          <pc:spChg chg="mod">
            <ac:chgData name="Anders Furuskär" userId="5c9f1a7d-b689-4c3c-9fb9-968669d3c21c" providerId="ADAL" clId="{7765E0E6-E566-4A34-A509-1F30C54C065B}" dt="2019-12-20T13:51:05.441" v="914" actId="790"/>
            <ac:spMkLst>
              <pc:docMk/>
              <pc:sldMasterMk cId="2523064765" sldId="2147483660"/>
              <pc:sldLayoutMk cId="299406540" sldId="2147483666"/>
              <ac:spMk id="8" creationId="{E1090122-906E-44AF-A054-14B12CB245F6}"/>
            </ac:spMkLst>
          </pc:spChg>
          <pc:spChg chg="mod">
            <ac:chgData name="Anders Furuskär" userId="5c9f1a7d-b689-4c3c-9fb9-968669d3c21c" providerId="ADAL" clId="{7765E0E6-E566-4A34-A509-1F30C54C065B}" dt="2019-12-20T13:51:05.438" v="911" actId="790"/>
            <ac:spMkLst>
              <pc:docMk/>
              <pc:sldMasterMk cId="2523064765" sldId="2147483660"/>
              <pc:sldLayoutMk cId="299406540" sldId="2147483666"/>
              <ac:spMk id="10" creationId="{4F3FE80A-6B53-492B-8FC1-A575806A0D00}"/>
            </ac:spMkLst>
          </pc:spChg>
          <pc:spChg chg="mod">
            <ac:chgData name="Anders Furuskär" userId="5c9f1a7d-b689-4c3c-9fb9-968669d3c21c" providerId="ADAL" clId="{7765E0E6-E566-4A34-A509-1F30C54C065B}" dt="2019-12-20T13:51:05.439" v="912" actId="790"/>
            <ac:spMkLst>
              <pc:docMk/>
              <pc:sldMasterMk cId="2523064765" sldId="2147483660"/>
              <pc:sldLayoutMk cId="299406540" sldId="2147483666"/>
              <ac:spMk id="11" creationId="{3AECA499-20B0-4F79-85A2-1C9D1BFBB0C0}"/>
            </ac:spMkLst>
          </pc:spChg>
        </pc:sldLayoutChg>
        <pc:sldLayoutChg chg="modSp">
          <pc:chgData name="Anders Furuskär" userId="5c9f1a7d-b689-4c3c-9fb9-968669d3c21c" providerId="ADAL" clId="{7765E0E6-E566-4A34-A509-1F30C54C065B}" dt="2019-12-20T13:58:54.986" v="1251"/>
          <pc:sldLayoutMkLst>
            <pc:docMk/>
            <pc:sldMasterMk cId="2523064765" sldId="2147483660"/>
            <pc:sldLayoutMk cId="3450366910" sldId="2147483667"/>
          </pc:sldLayoutMkLst>
          <pc:spChg chg="mod">
            <ac:chgData name="Anders Furuskär" userId="5c9f1a7d-b689-4c3c-9fb9-968669d3c21c" providerId="ADAL" clId="{7765E0E6-E566-4A34-A509-1F30C54C065B}" dt="2019-12-20T13:51:05.442" v="915" actId="790"/>
            <ac:spMkLst>
              <pc:docMk/>
              <pc:sldMasterMk cId="2523064765" sldId="2147483660"/>
              <pc:sldLayoutMk cId="3450366910" sldId="2147483667"/>
              <ac:spMk id="4" creationId="{00000000-0000-0000-0000-000000000000}"/>
            </ac:spMkLst>
          </pc:spChg>
          <pc:spChg chg="mod">
            <ac:chgData name="Anders Furuskär" userId="5c9f1a7d-b689-4c3c-9fb9-968669d3c21c" providerId="ADAL" clId="{7765E0E6-E566-4A34-A509-1F30C54C065B}" dt="2019-12-20T13:58:54.986" v="1251"/>
            <ac:spMkLst>
              <pc:docMk/>
              <pc:sldMasterMk cId="2523064765" sldId="2147483660"/>
              <pc:sldLayoutMk cId="3450366910" sldId="2147483667"/>
              <ac:spMk id="7" creationId="{89A384A6-2ED7-4C73-9166-564C827C9CC4}"/>
            </ac:spMkLst>
          </pc:spChg>
          <pc:spChg chg="mod">
            <ac:chgData name="Anders Furuskär" userId="5c9f1a7d-b689-4c3c-9fb9-968669d3c21c" providerId="ADAL" clId="{7765E0E6-E566-4A34-A509-1F30C54C065B}" dt="2019-12-20T13:51:05.448" v="919" actId="790"/>
            <ac:spMkLst>
              <pc:docMk/>
              <pc:sldMasterMk cId="2523064765" sldId="2147483660"/>
              <pc:sldLayoutMk cId="3450366910" sldId="2147483667"/>
              <ac:spMk id="8" creationId="{82C84FC9-A121-42A0-B02B-2C2E8358C2B7}"/>
            </ac:spMkLst>
          </pc:spChg>
          <pc:spChg chg="mod">
            <ac:chgData name="Anders Furuskär" userId="5c9f1a7d-b689-4c3c-9fb9-968669d3c21c" providerId="ADAL" clId="{7765E0E6-E566-4A34-A509-1F30C54C065B}" dt="2019-12-20T13:51:05.444" v="916" actId="790"/>
            <ac:spMkLst>
              <pc:docMk/>
              <pc:sldMasterMk cId="2523064765" sldId="2147483660"/>
              <pc:sldLayoutMk cId="3450366910" sldId="2147483667"/>
              <ac:spMk id="10" creationId="{6AB007D5-DA18-4842-9C2D-8C72512602C0}"/>
            </ac:spMkLst>
          </pc:spChg>
          <pc:spChg chg="mod">
            <ac:chgData name="Anders Furuskär" userId="5c9f1a7d-b689-4c3c-9fb9-968669d3c21c" providerId="ADAL" clId="{7765E0E6-E566-4A34-A509-1F30C54C065B}" dt="2019-12-20T13:51:05.445" v="917" actId="790"/>
            <ac:spMkLst>
              <pc:docMk/>
              <pc:sldMasterMk cId="2523064765" sldId="2147483660"/>
              <pc:sldLayoutMk cId="3450366910" sldId="2147483667"/>
              <ac:spMk id="11" creationId="{0D3699C9-F9CA-4781-89C3-F0A901D1F1AF}"/>
            </ac:spMkLst>
          </pc:spChg>
        </pc:sldLayoutChg>
        <pc:sldLayoutChg chg="modSp">
          <pc:chgData name="Anders Furuskär" userId="5c9f1a7d-b689-4c3c-9fb9-968669d3c21c" providerId="ADAL" clId="{7765E0E6-E566-4A34-A509-1F30C54C065B}" dt="2019-12-20T13:58:54.990" v="1254"/>
          <pc:sldLayoutMkLst>
            <pc:docMk/>
            <pc:sldMasterMk cId="2523064765" sldId="2147483660"/>
            <pc:sldLayoutMk cId="3593654033" sldId="2147483668"/>
          </pc:sldLayoutMkLst>
          <pc:spChg chg="mod">
            <ac:chgData name="Anders Furuskär" userId="5c9f1a7d-b689-4c3c-9fb9-968669d3c21c" providerId="ADAL" clId="{7765E0E6-E566-4A34-A509-1F30C54C065B}" dt="2019-12-20T13:51:05.449" v="920" actId="790"/>
            <ac:spMkLst>
              <pc:docMk/>
              <pc:sldMasterMk cId="2523064765" sldId="2147483660"/>
              <pc:sldLayoutMk cId="3593654033" sldId="2147483668"/>
              <ac:spMk id="4" creationId="{00000000-0000-0000-0000-000000000000}"/>
            </ac:spMkLst>
          </pc:spChg>
          <pc:spChg chg="mod">
            <ac:chgData name="Anders Furuskär" userId="5c9f1a7d-b689-4c3c-9fb9-968669d3c21c" providerId="ADAL" clId="{7765E0E6-E566-4A34-A509-1F30C54C065B}" dt="2019-12-20T13:58:54.990" v="1254"/>
            <ac:spMkLst>
              <pc:docMk/>
              <pc:sldMasterMk cId="2523064765" sldId="2147483660"/>
              <pc:sldLayoutMk cId="3593654033" sldId="2147483668"/>
              <ac:spMk id="7" creationId="{88BB9017-2EBC-4916-882A-FAB5684DE9CF}"/>
            </ac:spMkLst>
          </pc:spChg>
          <pc:spChg chg="mod">
            <ac:chgData name="Anders Furuskär" userId="5c9f1a7d-b689-4c3c-9fb9-968669d3c21c" providerId="ADAL" clId="{7765E0E6-E566-4A34-A509-1F30C54C065B}" dt="2019-12-20T13:51:05.454" v="924" actId="790"/>
            <ac:spMkLst>
              <pc:docMk/>
              <pc:sldMasterMk cId="2523064765" sldId="2147483660"/>
              <pc:sldLayoutMk cId="3593654033" sldId="2147483668"/>
              <ac:spMk id="8" creationId="{E7F6A807-1479-4A4A-8685-DB8E37BEB19A}"/>
            </ac:spMkLst>
          </pc:spChg>
          <pc:spChg chg="mod">
            <ac:chgData name="Anders Furuskär" userId="5c9f1a7d-b689-4c3c-9fb9-968669d3c21c" providerId="ADAL" clId="{7765E0E6-E566-4A34-A509-1F30C54C065B}" dt="2019-12-20T13:51:05.450" v="921" actId="790"/>
            <ac:spMkLst>
              <pc:docMk/>
              <pc:sldMasterMk cId="2523064765" sldId="2147483660"/>
              <pc:sldLayoutMk cId="3593654033" sldId="2147483668"/>
              <ac:spMk id="10" creationId="{F1368AB3-821C-4A71-B119-C0A8AA44A93F}"/>
            </ac:spMkLst>
          </pc:spChg>
          <pc:spChg chg="mod">
            <ac:chgData name="Anders Furuskär" userId="5c9f1a7d-b689-4c3c-9fb9-968669d3c21c" providerId="ADAL" clId="{7765E0E6-E566-4A34-A509-1F30C54C065B}" dt="2019-12-20T13:51:05.451" v="922" actId="790"/>
            <ac:spMkLst>
              <pc:docMk/>
              <pc:sldMasterMk cId="2523064765" sldId="2147483660"/>
              <pc:sldLayoutMk cId="3593654033" sldId="2147483668"/>
              <ac:spMk id="11" creationId="{8561E9FC-533B-4891-A7E3-A3DDB1BD26FB}"/>
            </ac:spMkLst>
          </pc:spChg>
        </pc:sldLayoutChg>
        <pc:sldLayoutChg chg="modSp">
          <pc:chgData name="Anders Furuskär" userId="5c9f1a7d-b689-4c3c-9fb9-968669d3c21c" providerId="ADAL" clId="{7765E0E6-E566-4A34-A509-1F30C54C065B}" dt="2019-12-20T13:58:54.994" v="1257"/>
          <pc:sldLayoutMkLst>
            <pc:docMk/>
            <pc:sldMasterMk cId="2523064765" sldId="2147483660"/>
            <pc:sldLayoutMk cId="4136202525" sldId="2147483669"/>
          </pc:sldLayoutMkLst>
          <pc:spChg chg="mod">
            <ac:chgData name="Anders Furuskär" userId="5c9f1a7d-b689-4c3c-9fb9-968669d3c21c" providerId="ADAL" clId="{7765E0E6-E566-4A34-A509-1F30C54C065B}" dt="2019-12-20T13:51:05.455" v="925" actId="790"/>
            <ac:spMkLst>
              <pc:docMk/>
              <pc:sldMasterMk cId="2523064765" sldId="2147483660"/>
              <pc:sldLayoutMk cId="4136202525" sldId="2147483669"/>
              <ac:spMk id="4" creationId="{00000000-0000-0000-0000-000000000000}"/>
            </ac:spMkLst>
          </pc:spChg>
          <pc:spChg chg="mod">
            <ac:chgData name="Anders Furuskär" userId="5c9f1a7d-b689-4c3c-9fb9-968669d3c21c" providerId="ADAL" clId="{7765E0E6-E566-4A34-A509-1F30C54C065B}" dt="2019-12-20T13:58:54.994" v="1257"/>
            <ac:spMkLst>
              <pc:docMk/>
              <pc:sldMasterMk cId="2523064765" sldId="2147483660"/>
              <pc:sldLayoutMk cId="4136202525" sldId="2147483669"/>
              <ac:spMk id="7" creationId="{515DEFEB-D8FB-411D-89D1-C457BD4FE531}"/>
            </ac:spMkLst>
          </pc:spChg>
          <pc:spChg chg="mod">
            <ac:chgData name="Anders Furuskär" userId="5c9f1a7d-b689-4c3c-9fb9-968669d3c21c" providerId="ADAL" clId="{7765E0E6-E566-4A34-A509-1F30C54C065B}" dt="2019-12-20T13:51:05.460" v="929" actId="790"/>
            <ac:spMkLst>
              <pc:docMk/>
              <pc:sldMasterMk cId="2523064765" sldId="2147483660"/>
              <pc:sldLayoutMk cId="4136202525" sldId="2147483669"/>
              <ac:spMk id="8" creationId="{3E2F9C47-A316-4B0F-8C2E-D42B253351EB}"/>
            </ac:spMkLst>
          </pc:spChg>
          <pc:spChg chg="mod">
            <ac:chgData name="Anders Furuskär" userId="5c9f1a7d-b689-4c3c-9fb9-968669d3c21c" providerId="ADAL" clId="{7765E0E6-E566-4A34-A509-1F30C54C065B}" dt="2019-12-20T13:51:05.456" v="926" actId="790"/>
            <ac:spMkLst>
              <pc:docMk/>
              <pc:sldMasterMk cId="2523064765" sldId="2147483660"/>
              <pc:sldLayoutMk cId="4136202525" sldId="2147483669"/>
              <ac:spMk id="12" creationId="{93CB56C1-2916-4C60-8532-A023564D2C57}"/>
            </ac:spMkLst>
          </pc:spChg>
          <pc:spChg chg="mod">
            <ac:chgData name="Anders Furuskär" userId="5c9f1a7d-b689-4c3c-9fb9-968669d3c21c" providerId="ADAL" clId="{7765E0E6-E566-4A34-A509-1F30C54C065B}" dt="2019-12-20T13:51:05.457" v="927" actId="790"/>
            <ac:spMkLst>
              <pc:docMk/>
              <pc:sldMasterMk cId="2523064765" sldId="2147483660"/>
              <pc:sldLayoutMk cId="4136202525" sldId="2147483669"/>
              <ac:spMk id="13" creationId="{61DC6511-5700-4E95-89CA-81484C248C03}"/>
            </ac:spMkLst>
          </pc:spChg>
        </pc:sldLayoutChg>
        <pc:sldLayoutChg chg="modSp">
          <pc:chgData name="Anders Furuskär" userId="5c9f1a7d-b689-4c3c-9fb9-968669d3c21c" providerId="ADAL" clId="{7765E0E6-E566-4A34-A509-1F30C54C065B}" dt="2019-12-20T13:58:55.002" v="1260"/>
          <pc:sldLayoutMkLst>
            <pc:docMk/>
            <pc:sldMasterMk cId="2523064765" sldId="2147483660"/>
            <pc:sldLayoutMk cId="1267818655" sldId="2147483670"/>
          </pc:sldLayoutMkLst>
          <pc:spChg chg="mod">
            <ac:chgData name="Anders Furuskär" userId="5c9f1a7d-b689-4c3c-9fb9-968669d3c21c" providerId="ADAL" clId="{7765E0E6-E566-4A34-A509-1F30C54C065B}" dt="2019-12-20T13:51:05.461" v="930" actId="790"/>
            <ac:spMkLst>
              <pc:docMk/>
              <pc:sldMasterMk cId="2523064765" sldId="2147483660"/>
              <pc:sldLayoutMk cId="1267818655" sldId="2147483670"/>
              <ac:spMk id="4" creationId="{00000000-0000-0000-0000-000000000000}"/>
            </ac:spMkLst>
          </pc:spChg>
          <pc:spChg chg="mod">
            <ac:chgData name="Anders Furuskär" userId="5c9f1a7d-b689-4c3c-9fb9-968669d3c21c" providerId="ADAL" clId="{7765E0E6-E566-4A34-A509-1F30C54C065B}" dt="2019-12-20T13:58:55.002" v="1260"/>
            <ac:spMkLst>
              <pc:docMk/>
              <pc:sldMasterMk cId="2523064765" sldId="2147483660"/>
              <pc:sldLayoutMk cId="1267818655" sldId="2147483670"/>
              <ac:spMk id="7" creationId="{E08DADFB-44CC-4810-9193-0C9F586CE666}"/>
            </ac:spMkLst>
          </pc:spChg>
          <pc:spChg chg="mod">
            <ac:chgData name="Anders Furuskär" userId="5c9f1a7d-b689-4c3c-9fb9-968669d3c21c" providerId="ADAL" clId="{7765E0E6-E566-4A34-A509-1F30C54C065B}" dt="2019-12-20T13:51:05.466" v="934" actId="790"/>
            <ac:spMkLst>
              <pc:docMk/>
              <pc:sldMasterMk cId="2523064765" sldId="2147483660"/>
              <pc:sldLayoutMk cId="1267818655" sldId="2147483670"/>
              <ac:spMk id="8" creationId="{B20F1184-2943-4F17-9C57-995EA2003751}"/>
            </ac:spMkLst>
          </pc:spChg>
          <pc:spChg chg="mod">
            <ac:chgData name="Anders Furuskär" userId="5c9f1a7d-b689-4c3c-9fb9-968669d3c21c" providerId="ADAL" clId="{7765E0E6-E566-4A34-A509-1F30C54C065B}" dt="2019-12-20T13:51:05.462" v="931" actId="790"/>
            <ac:spMkLst>
              <pc:docMk/>
              <pc:sldMasterMk cId="2523064765" sldId="2147483660"/>
              <pc:sldLayoutMk cId="1267818655" sldId="2147483670"/>
              <ac:spMk id="12" creationId="{93CB56C1-2916-4C60-8532-A023564D2C57}"/>
            </ac:spMkLst>
          </pc:spChg>
          <pc:spChg chg="mod">
            <ac:chgData name="Anders Furuskär" userId="5c9f1a7d-b689-4c3c-9fb9-968669d3c21c" providerId="ADAL" clId="{7765E0E6-E566-4A34-A509-1F30C54C065B}" dt="2019-12-20T13:51:05.463" v="932" actId="790"/>
            <ac:spMkLst>
              <pc:docMk/>
              <pc:sldMasterMk cId="2523064765" sldId="2147483660"/>
              <pc:sldLayoutMk cId="1267818655" sldId="2147483670"/>
              <ac:spMk id="13" creationId="{61DC6511-5700-4E95-89CA-81484C248C03}"/>
            </ac:spMkLst>
          </pc:spChg>
        </pc:sldLayoutChg>
        <pc:sldLayoutChg chg="modSp">
          <pc:chgData name="Anders Furuskär" userId="5c9f1a7d-b689-4c3c-9fb9-968669d3c21c" providerId="ADAL" clId="{7765E0E6-E566-4A34-A509-1F30C54C065B}" dt="2019-12-20T13:58:55.006" v="1263"/>
          <pc:sldLayoutMkLst>
            <pc:docMk/>
            <pc:sldMasterMk cId="2523064765" sldId="2147483660"/>
            <pc:sldLayoutMk cId="3355176887" sldId="2147483671"/>
          </pc:sldLayoutMkLst>
          <pc:spChg chg="mod">
            <ac:chgData name="Anders Furuskär" userId="5c9f1a7d-b689-4c3c-9fb9-968669d3c21c" providerId="ADAL" clId="{7765E0E6-E566-4A34-A509-1F30C54C065B}" dt="2019-12-20T13:58:55.006" v="1263"/>
            <ac:spMkLst>
              <pc:docMk/>
              <pc:sldMasterMk cId="2523064765" sldId="2147483660"/>
              <pc:sldLayoutMk cId="3355176887" sldId="2147483671"/>
              <ac:spMk id="4" creationId="{7AB1CD1C-AD0D-4C0E-8012-BDF9F1E4C38B}"/>
            </ac:spMkLst>
          </pc:spChg>
          <pc:spChg chg="mod">
            <ac:chgData name="Anders Furuskär" userId="5c9f1a7d-b689-4c3c-9fb9-968669d3c21c" providerId="ADAL" clId="{7765E0E6-E566-4A34-A509-1F30C54C065B}" dt="2019-12-20T13:51:05.471" v="938" actId="790"/>
            <ac:spMkLst>
              <pc:docMk/>
              <pc:sldMasterMk cId="2523064765" sldId="2147483660"/>
              <pc:sldLayoutMk cId="3355176887" sldId="2147483671"/>
              <ac:spMk id="5" creationId="{280FD398-9480-44AE-B01C-23BDC7D4B6B7}"/>
            </ac:spMkLst>
          </pc:spChg>
          <pc:spChg chg="mod">
            <ac:chgData name="Anders Furuskär" userId="5c9f1a7d-b689-4c3c-9fb9-968669d3c21c" providerId="ADAL" clId="{7765E0E6-E566-4A34-A509-1F30C54C065B}" dt="2019-12-20T13:51:05.467" v="935" actId="790"/>
            <ac:spMkLst>
              <pc:docMk/>
              <pc:sldMasterMk cId="2523064765" sldId="2147483660"/>
              <pc:sldLayoutMk cId="3355176887" sldId="2147483671"/>
              <ac:spMk id="9" creationId="{696C7C8F-5086-466A-8108-2FE0A8663D59}"/>
            </ac:spMkLst>
          </pc:spChg>
          <pc:spChg chg="mod">
            <ac:chgData name="Anders Furuskär" userId="5c9f1a7d-b689-4c3c-9fb9-968669d3c21c" providerId="ADAL" clId="{7765E0E6-E566-4A34-A509-1F30C54C065B}" dt="2019-12-20T13:51:05.468" v="936" actId="790"/>
            <ac:spMkLst>
              <pc:docMk/>
              <pc:sldMasterMk cId="2523064765" sldId="2147483660"/>
              <pc:sldLayoutMk cId="3355176887" sldId="2147483671"/>
              <ac:spMk id="10" creationId="{ED5DEA0B-CF0D-4EE6-B6A8-90BAF3DE8AF1}"/>
            </ac:spMkLst>
          </pc:spChg>
        </pc:sldLayoutChg>
        <pc:sldLayoutChg chg="modSp">
          <pc:chgData name="Anders Furuskär" userId="5c9f1a7d-b689-4c3c-9fb9-968669d3c21c" providerId="ADAL" clId="{7765E0E6-E566-4A34-A509-1F30C54C065B}" dt="2019-12-20T13:58:55.010" v="1266"/>
          <pc:sldLayoutMkLst>
            <pc:docMk/>
            <pc:sldMasterMk cId="2523064765" sldId="2147483660"/>
            <pc:sldLayoutMk cId="1793964376" sldId="2147483672"/>
          </pc:sldLayoutMkLst>
          <pc:spChg chg="mod">
            <ac:chgData name="Anders Furuskär" userId="5c9f1a7d-b689-4c3c-9fb9-968669d3c21c" providerId="ADAL" clId="{7765E0E6-E566-4A34-A509-1F30C54C065B}" dt="2019-12-20T13:58:55.010" v="1266"/>
            <ac:spMkLst>
              <pc:docMk/>
              <pc:sldMasterMk cId="2523064765" sldId="2147483660"/>
              <pc:sldLayoutMk cId="1793964376" sldId="2147483672"/>
              <ac:spMk id="3" creationId="{76D5DBE1-F5A0-4F54-BCB1-8A4278408056}"/>
            </ac:spMkLst>
          </pc:spChg>
          <pc:spChg chg="mod">
            <ac:chgData name="Anders Furuskär" userId="5c9f1a7d-b689-4c3c-9fb9-968669d3c21c" providerId="ADAL" clId="{7765E0E6-E566-4A34-A509-1F30C54C065B}" dt="2019-12-20T13:51:05.474" v="941" actId="790"/>
            <ac:spMkLst>
              <pc:docMk/>
              <pc:sldMasterMk cId="2523064765" sldId="2147483660"/>
              <pc:sldLayoutMk cId="1793964376" sldId="2147483672"/>
              <ac:spMk id="4" creationId="{EBCE69E9-15BF-463F-B5D4-3C1F6E9F6B53}"/>
            </ac:spMkLst>
          </pc:spChg>
          <pc:spChg chg="mod">
            <ac:chgData name="Anders Furuskär" userId="5c9f1a7d-b689-4c3c-9fb9-968669d3c21c" providerId="ADAL" clId="{7765E0E6-E566-4A34-A509-1F30C54C065B}" dt="2019-12-20T13:51:05.472" v="939" actId="790"/>
            <ac:spMkLst>
              <pc:docMk/>
              <pc:sldMasterMk cId="2523064765" sldId="2147483660"/>
              <pc:sldLayoutMk cId="1793964376" sldId="2147483672"/>
              <ac:spMk id="22531" creationId="{00000000-0000-0000-0000-000000000000}"/>
            </ac:spMkLst>
          </pc:spChg>
        </pc:sldLayoutChg>
        <pc:sldLayoutChg chg="modSp">
          <pc:chgData name="Anders Furuskär" userId="5c9f1a7d-b689-4c3c-9fb9-968669d3c21c" providerId="ADAL" clId="{7765E0E6-E566-4A34-A509-1F30C54C065B}" dt="2019-12-20T13:58:55.019" v="1272"/>
          <pc:sldLayoutMkLst>
            <pc:docMk/>
            <pc:sldMasterMk cId="2523064765" sldId="2147483660"/>
            <pc:sldLayoutMk cId="3415456144" sldId="2147483673"/>
          </pc:sldLayoutMkLst>
          <pc:spChg chg="mod">
            <ac:chgData name="Anders Furuskär" userId="5c9f1a7d-b689-4c3c-9fb9-968669d3c21c" providerId="ADAL" clId="{7765E0E6-E566-4A34-A509-1F30C54C065B}" dt="2019-12-20T13:58:55.019" v="1272"/>
            <ac:spMkLst>
              <pc:docMk/>
              <pc:sldMasterMk cId="2523064765" sldId="2147483660"/>
              <pc:sldLayoutMk cId="3415456144" sldId="2147483673"/>
              <ac:spMk id="3" creationId="{C44ECCE6-4D94-443E-8C20-CA233A5C0572}"/>
            </ac:spMkLst>
          </pc:spChg>
          <pc:spChg chg="mod">
            <ac:chgData name="Anders Furuskär" userId="5c9f1a7d-b689-4c3c-9fb9-968669d3c21c" providerId="ADAL" clId="{7765E0E6-E566-4A34-A509-1F30C54C065B}" dt="2019-12-20T13:51:05.478" v="944" actId="790"/>
            <ac:spMkLst>
              <pc:docMk/>
              <pc:sldMasterMk cId="2523064765" sldId="2147483660"/>
              <pc:sldLayoutMk cId="3415456144" sldId="2147483673"/>
              <ac:spMk id="4" creationId="{00000000-0000-0000-0000-000000000000}"/>
            </ac:spMkLst>
          </pc:spChg>
          <pc:spChg chg="mod">
            <ac:chgData name="Anders Furuskär" userId="5c9f1a7d-b689-4c3c-9fb9-968669d3c21c" providerId="ADAL" clId="{7765E0E6-E566-4A34-A509-1F30C54C065B}" dt="2019-12-20T13:51:05.481" v="946" actId="790"/>
            <ac:spMkLst>
              <pc:docMk/>
              <pc:sldMasterMk cId="2523064765" sldId="2147483660"/>
              <pc:sldLayoutMk cId="3415456144" sldId="2147483673"/>
              <ac:spMk id="5" creationId="{CA0A38D4-B093-4CE6-9935-648A137BFECE}"/>
            </ac:spMkLst>
          </pc:spChg>
        </pc:sldLayoutChg>
        <pc:sldLayoutChg chg="modSp">
          <pc:chgData name="Anders Furuskär" userId="5c9f1a7d-b689-4c3c-9fb9-968669d3c21c" providerId="ADAL" clId="{7765E0E6-E566-4A34-A509-1F30C54C065B}" dt="2019-12-20T13:58:55.056" v="1296"/>
          <pc:sldLayoutMkLst>
            <pc:docMk/>
            <pc:sldMasterMk cId="2523064765" sldId="2147483660"/>
            <pc:sldLayoutMk cId="3933167755" sldId="2147483674"/>
          </pc:sldLayoutMkLst>
          <pc:spChg chg="mod">
            <ac:chgData name="Anders Furuskär" userId="5c9f1a7d-b689-4c3c-9fb9-968669d3c21c" providerId="ADAL" clId="{7765E0E6-E566-4A34-A509-1F30C54C065B}" dt="2019-12-20T13:51:05.516" v="976" actId="790"/>
            <ac:spMkLst>
              <pc:docMk/>
              <pc:sldMasterMk cId="2523064765" sldId="2147483660"/>
              <pc:sldLayoutMk cId="3933167755" sldId="2147483674"/>
              <ac:spMk id="3" creationId="{810CFEFC-6AC8-4817-A0D3-6029D48BD293}"/>
            </ac:spMkLst>
          </pc:spChg>
          <pc:spChg chg="mod">
            <ac:chgData name="Anders Furuskär" userId="5c9f1a7d-b689-4c3c-9fb9-968669d3c21c" providerId="ADAL" clId="{7765E0E6-E566-4A34-A509-1F30C54C065B}" dt="2019-12-20T13:51:05.514" v="975" actId="790"/>
            <ac:spMkLst>
              <pc:docMk/>
              <pc:sldMasterMk cId="2523064765" sldId="2147483660"/>
              <pc:sldLayoutMk cId="3933167755" sldId="2147483674"/>
              <ac:spMk id="5" creationId="{00000000-0000-0000-0000-000000000000}"/>
            </ac:spMkLst>
          </pc:spChg>
          <pc:spChg chg="mod">
            <ac:chgData name="Anders Furuskär" userId="5c9f1a7d-b689-4c3c-9fb9-968669d3c21c" providerId="ADAL" clId="{7765E0E6-E566-4A34-A509-1F30C54C065B}" dt="2019-12-20T13:58:55.056" v="1296"/>
            <ac:spMkLst>
              <pc:docMk/>
              <pc:sldMasterMk cId="2523064765" sldId="2147483660"/>
              <pc:sldLayoutMk cId="3933167755" sldId="2147483674"/>
              <ac:spMk id="8" creationId="{C2AD0284-E6BA-49D8-AB3F-D94DBB1D54F0}"/>
            </ac:spMkLst>
          </pc:spChg>
          <pc:spChg chg="mod">
            <ac:chgData name="Anders Furuskär" userId="5c9f1a7d-b689-4c3c-9fb9-968669d3c21c" providerId="ADAL" clId="{7765E0E6-E566-4A34-A509-1F30C54C065B}" dt="2019-12-20T13:51:05.519" v="978" actId="790"/>
            <ac:spMkLst>
              <pc:docMk/>
              <pc:sldMasterMk cId="2523064765" sldId="2147483660"/>
              <pc:sldLayoutMk cId="3933167755" sldId="2147483674"/>
              <ac:spMk id="11" creationId="{87C4DFC4-62BA-4C52-B36B-44A75684A81F}"/>
            </ac:spMkLst>
          </pc:spChg>
        </pc:sldLayoutChg>
        <pc:sldLayoutChg chg="modSp">
          <pc:chgData name="Anders Furuskär" userId="5c9f1a7d-b689-4c3c-9fb9-968669d3c21c" providerId="ADAL" clId="{7765E0E6-E566-4A34-A509-1F30C54C065B}" dt="2019-12-20T13:58:55.086" v="1317"/>
          <pc:sldLayoutMkLst>
            <pc:docMk/>
            <pc:sldMasterMk cId="2523064765" sldId="2147483660"/>
            <pc:sldLayoutMk cId="675883818" sldId="2147483675"/>
          </pc:sldLayoutMkLst>
          <pc:spChg chg="mod">
            <ac:chgData name="Anders Furuskär" userId="5c9f1a7d-b689-4c3c-9fb9-968669d3c21c" providerId="ADAL" clId="{7765E0E6-E566-4A34-A509-1F30C54C065B}" dt="2019-12-20T13:51:05.561" v="1006" actId="790"/>
            <ac:spMkLst>
              <pc:docMk/>
              <pc:sldMasterMk cId="2523064765" sldId="2147483660"/>
              <pc:sldLayoutMk cId="675883818" sldId="2147483675"/>
              <ac:spMk id="3" creationId="{00000000-0000-0000-0000-000000000000}"/>
            </ac:spMkLst>
          </pc:spChg>
          <pc:spChg chg="mod">
            <ac:chgData name="Anders Furuskär" userId="5c9f1a7d-b689-4c3c-9fb9-968669d3c21c" providerId="ADAL" clId="{7765E0E6-E566-4A34-A509-1F30C54C065B}" dt="2019-12-20T13:51:05.563" v="1007" actId="790"/>
            <ac:spMkLst>
              <pc:docMk/>
              <pc:sldMasterMk cId="2523064765" sldId="2147483660"/>
              <pc:sldLayoutMk cId="675883818" sldId="2147483675"/>
              <ac:spMk id="5" creationId="{00000000-0000-0000-0000-000000000000}"/>
            </ac:spMkLst>
          </pc:spChg>
          <pc:spChg chg="mod">
            <ac:chgData name="Anders Furuskär" userId="5c9f1a7d-b689-4c3c-9fb9-968669d3c21c" providerId="ADAL" clId="{7765E0E6-E566-4A34-A509-1F30C54C065B}" dt="2019-12-20T13:51:05.559" v="1005" actId="790"/>
            <ac:spMkLst>
              <pc:docMk/>
              <pc:sldMasterMk cId="2523064765" sldId="2147483660"/>
              <pc:sldLayoutMk cId="675883818" sldId="2147483675"/>
              <ac:spMk id="6" creationId="{891BF4C4-9DF9-4D9F-A738-37FBCD45AA68}"/>
            </ac:spMkLst>
          </pc:spChg>
          <pc:spChg chg="mod">
            <ac:chgData name="Anders Furuskär" userId="5c9f1a7d-b689-4c3c-9fb9-968669d3c21c" providerId="ADAL" clId="{7765E0E6-E566-4A34-A509-1F30C54C065B}" dt="2019-12-20T13:58:55.086" v="1317"/>
            <ac:spMkLst>
              <pc:docMk/>
              <pc:sldMasterMk cId="2523064765" sldId="2147483660"/>
              <pc:sldLayoutMk cId="675883818" sldId="2147483675"/>
              <ac:spMk id="8" creationId="{53797230-5A6C-4718-8C90-CB9F2709B382}"/>
            </ac:spMkLst>
          </pc:spChg>
          <pc:spChg chg="mod">
            <ac:chgData name="Anders Furuskär" userId="5c9f1a7d-b689-4c3c-9fb9-968669d3c21c" providerId="ADAL" clId="{7765E0E6-E566-4A34-A509-1F30C54C065B}" dt="2019-12-20T13:51:05.566" v="1009" actId="790"/>
            <ac:spMkLst>
              <pc:docMk/>
              <pc:sldMasterMk cId="2523064765" sldId="2147483660"/>
              <pc:sldLayoutMk cId="675883818" sldId="2147483675"/>
              <ac:spMk id="9" creationId="{F6894424-A363-4771-BFDF-A3CD35CCD7D5}"/>
            </ac:spMkLst>
          </pc:spChg>
        </pc:sldLayoutChg>
        <pc:sldLayoutChg chg="modSp">
          <pc:chgData name="Anders Furuskär" userId="5c9f1a7d-b689-4c3c-9fb9-968669d3c21c" providerId="ADAL" clId="{7765E0E6-E566-4A34-A509-1F30C54C065B}" dt="2019-12-20T13:58:55.090" v="1320"/>
          <pc:sldLayoutMkLst>
            <pc:docMk/>
            <pc:sldMasterMk cId="2523064765" sldId="2147483660"/>
            <pc:sldLayoutMk cId="192221419" sldId="2147483676"/>
          </pc:sldLayoutMkLst>
          <pc:spChg chg="mod">
            <ac:chgData name="Anders Furuskär" userId="5c9f1a7d-b689-4c3c-9fb9-968669d3c21c" providerId="ADAL" clId="{7765E0E6-E566-4A34-A509-1F30C54C065B}" dt="2019-12-20T13:51:05.570" v="1012" actId="790"/>
            <ac:spMkLst>
              <pc:docMk/>
              <pc:sldMasterMk cId="2523064765" sldId="2147483660"/>
              <pc:sldLayoutMk cId="192221419" sldId="2147483676"/>
              <ac:spMk id="6" creationId="{00000000-0000-0000-0000-000000000000}"/>
            </ac:spMkLst>
          </pc:spChg>
          <pc:spChg chg="mod">
            <ac:chgData name="Anders Furuskär" userId="5c9f1a7d-b689-4c3c-9fb9-968669d3c21c" providerId="ADAL" clId="{7765E0E6-E566-4A34-A509-1F30C54C065B}" dt="2019-12-20T13:51:05.567" v="1010" actId="790"/>
            <ac:spMkLst>
              <pc:docMk/>
              <pc:sldMasterMk cId="2523064765" sldId="2147483660"/>
              <pc:sldLayoutMk cId="192221419" sldId="2147483676"/>
              <ac:spMk id="7" creationId="{B1CFD82C-8968-4B87-A964-6288AF293D77}"/>
            </ac:spMkLst>
          </pc:spChg>
          <pc:spChg chg="mod">
            <ac:chgData name="Anders Furuskär" userId="5c9f1a7d-b689-4c3c-9fb9-968669d3c21c" providerId="ADAL" clId="{7765E0E6-E566-4A34-A509-1F30C54C065B}" dt="2019-12-20T13:51:05.568" v="1011" actId="790"/>
            <ac:spMkLst>
              <pc:docMk/>
              <pc:sldMasterMk cId="2523064765" sldId="2147483660"/>
              <pc:sldLayoutMk cId="192221419" sldId="2147483676"/>
              <ac:spMk id="8" creationId="{00000000-0000-0000-0000-000000000000}"/>
            </ac:spMkLst>
          </pc:spChg>
          <pc:spChg chg="mod">
            <ac:chgData name="Anders Furuskär" userId="5c9f1a7d-b689-4c3c-9fb9-968669d3c21c" providerId="ADAL" clId="{7765E0E6-E566-4A34-A509-1F30C54C065B}" dt="2019-12-20T13:58:55.090" v="1320"/>
            <ac:spMkLst>
              <pc:docMk/>
              <pc:sldMasterMk cId="2523064765" sldId="2147483660"/>
              <pc:sldLayoutMk cId="192221419" sldId="2147483676"/>
              <ac:spMk id="9" creationId="{00E7BBCA-E768-4FD9-82EA-328297783367}"/>
            </ac:spMkLst>
          </pc:spChg>
          <pc:spChg chg="mod">
            <ac:chgData name="Anders Furuskär" userId="5c9f1a7d-b689-4c3c-9fb9-968669d3c21c" providerId="ADAL" clId="{7765E0E6-E566-4A34-A509-1F30C54C065B}" dt="2019-12-20T13:51:05.573" v="1014" actId="790"/>
            <ac:spMkLst>
              <pc:docMk/>
              <pc:sldMasterMk cId="2523064765" sldId="2147483660"/>
              <pc:sldLayoutMk cId="192221419" sldId="2147483676"/>
              <ac:spMk id="11" creationId="{A72F0A55-0A74-4EC8-A6C3-6ADA907353CE}"/>
            </ac:spMkLst>
          </pc:spChg>
        </pc:sldLayoutChg>
        <pc:sldLayoutChg chg="modSp">
          <pc:chgData name="Anders Furuskär" userId="5c9f1a7d-b689-4c3c-9fb9-968669d3c21c" providerId="ADAL" clId="{7765E0E6-E566-4A34-A509-1F30C54C065B}" dt="2019-12-20T13:58:55.119" v="1338"/>
          <pc:sldLayoutMkLst>
            <pc:docMk/>
            <pc:sldMasterMk cId="2523064765" sldId="2147483660"/>
            <pc:sldLayoutMk cId="1896068706" sldId="2147483677"/>
          </pc:sldLayoutMkLst>
          <pc:spChg chg="mod">
            <ac:chgData name="Anders Furuskär" userId="5c9f1a7d-b689-4c3c-9fb9-968669d3c21c" providerId="ADAL" clId="{7765E0E6-E566-4A34-A509-1F30C54C065B}" dt="2019-12-20T13:51:05.613" v="1042" actId="790"/>
            <ac:spMkLst>
              <pc:docMk/>
              <pc:sldMasterMk cId="2523064765" sldId="2147483660"/>
              <pc:sldLayoutMk cId="1896068706" sldId="2147483677"/>
              <ac:spMk id="4" creationId="{00000000-0000-0000-0000-000000000000}"/>
            </ac:spMkLst>
          </pc:spChg>
          <pc:spChg chg="mod">
            <ac:chgData name="Anders Furuskär" userId="5c9f1a7d-b689-4c3c-9fb9-968669d3c21c" providerId="ADAL" clId="{7765E0E6-E566-4A34-A509-1F30C54C065B}" dt="2019-12-20T13:51:05.615" v="1043" actId="790"/>
            <ac:spMkLst>
              <pc:docMk/>
              <pc:sldMasterMk cId="2523064765" sldId="2147483660"/>
              <pc:sldLayoutMk cId="1896068706" sldId="2147483677"/>
              <ac:spMk id="6" creationId="{00000000-0000-0000-0000-000000000000}"/>
            </ac:spMkLst>
          </pc:spChg>
          <pc:spChg chg="mod">
            <ac:chgData name="Anders Furuskär" userId="5c9f1a7d-b689-4c3c-9fb9-968669d3c21c" providerId="ADAL" clId="{7765E0E6-E566-4A34-A509-1F30C54C065B}" dt="2019-12-20T13:51:05.611" v="1041" actId="790"/>
            <ac:spMkLst>
              <pc:docMk/>
              <pc:sldMasterMk cId="2523064765" sldId="2147483660"/>
              <pc:sldLayoutMk cId="1896068706" sldId="2147483677"/>
              <ac:spMk id="7" creationId="{7EEF5633-BC13-4AEA-AEF5-CE2675504D30}"/>
            </ac:spMkLst>
          </pc:spChg>
          <pc:spChg chg="mod">
            <ac:chgData name="Anders Furuskär" userId="5c9f1a7d-b689-4c3c-9fb9-968669d3c21c" providerId="ADAL" clId="{7765E0E6-E566-4A34-A509-1F30C54C065B}" dt="2019-12-20T13:51:05.617" v="1044" actId="790"/>
            <ac:spMkLst>
              <pc:docMk/>
              <pc:sldMasterMk cId="2523064765" sldId="2147483660"/>
              <pc:sldLayoutMk cId="1896068706" sldId="2147483677"/>
              <ac:spMk id="8" creationId="{00000000-0000-0000-0000-000000000000}"/>
            </ac:spMkLst>
          </pc:spChg>
          <pc:spChg chg="mod">
            <ac:chgData name="Anders Furuskär" userId="5c9f1a7d-b689-4c3c-9fb9-968669d3c21c" providerId="ADAL" clId="{7765E0E6-E566-4A34-A509-1F30C54C065B}" dt="2019-12-20T13:58:55.119" v="1338"/>
            <ac:spMkLst>
              <pc:docMk/>
              <pc:sldMasterMk cId="2523064765" sldId="2147483660"/>
              <pc:sldLayoutMk cId="1896068706" sldId="2147483677"/>
              <ac:spMk id="9" creationId="{4815D3F0-43E8-418F-A5E4-30F31668DC0E}"/>
            </ac:spMkLst>
          </pc:spChg>
          <pc:spChg chg="mod">
            <ac:chgData name="Anders Furuskär" userId="5c9f1a7d-b689-4c3c-9fb9-968669d3c21c" providerId="ADAL" clId="{7765E0E6-E566-4A34-A509-1F30C54C065B}" dt="2019-12-20T13:51:05.620" v="1046" actId="790"/>
            <ac:spMkLst>
              <pc:docMk/>
              <pc:sldMasterMk cId="2523064765" sldId="2147483660"/>
              <pc:sldLayoutMk cId="1896068706" sldId="2147483677"/>
              <ac:spMk id="11" creationId="{EDCD44CA-6216-40D7-A43C-C84DC0870CD0}"/>
            </ac:spMkLst>
          </pc:spChg>
        </pc:sldLayoutChg>
        <pc:sldLayoutChg chg="modSp">
          <pc:chgData name="Anders Furuskär" userId="5c9f1a7d-b689-4c3c-9fb9-968669d3c21c" providerId="ADAL" clId="{7765E0E6-E566-4A34-A509-1F30C54C065B}" dt="2019-12-20T13:58:55.140" v="1341"/>
          <pc:sldLayoutMkLst>
            <pc:docMk/>
            <pc:sldMasterMk cId="2523064765" sldId="2147483660"/>
            <pc:sldLayoutMk cId="2275899235" sldId="2147483678"/>
          </pc:sldLayoutMkLst>
          <pc:spChg chg="mod">
            <ac:chgData name="Anders Furuskär" userId="5c9f1a7d-b689-4c3c-9fb9-968669d3c21c" providerId="ADAL" clId="{7765E0E6-E566-4A34-A509-1F30C54C065B}" dt="2019-12-20T13:51:05.622" v="1048" actId="790"/>
            <ac:spMkLst>
              <pc:docMk/>
              <pc:sldMasterMk cId="2523064765" sldId="2147483660"/>
              <pc:sldLayoutMk cId="2275899235" sldId="2147483678"/>
              <ac:spMk id="4" creationId="{00000000-0000-0000-0000-000000000000}"/>
            </ac:spMkLst>
          </pc:spChg>
          <pc:spChg chg="mod">
            <ac:chgData name="Anders Furuskär" userId="5c9f1a7d-b689-4c3c-9fb9-968669d3c21c" providerId="ADAL" clId="{7765E0E6-E566-4A34-A509-1F30C54C065B}" dt="2019-12-20T13:51:05.624" v="1049" actId="790"/>
            <ac:spMkLst>
              <pc:docMk/>
              <pc:sldMasterMk cId="2523064765" sldId="2147483660"/>
              <pc:sldLayoutMk cId="2275899235" sldId="2147483678"/>
              <ac:spMk id="6" creationId="{00000000-0000-0000-0000-000000000000}"/>
            </ac:spMkLst>
          </pc:spChg>
          <pc:spChg chg="mod">
            <ac:chgData name="Anders Furuskär" userId="5c9f1a7d-b689-4c3c-9fb9-968669d3c21c" providerId="ADAL" clId="{7765E0E6-E566-4A34-A509-1F30C54C065B}" dt="2019-12-20T13:51:05.621" v="1047" actId="790"/>
            <ac:spMkLst>
              <pc:docMk/>
              <pc:sldMasterMk cId="2523064765" sldId="2147483660"/>
              <pc:sldLayoutMk cId="2275899235" sldId="2147483678"/>
              <ac:spMk id="7" creationId="{F4D71A67-F349-4E68-B7B8-D53CE323A764}"/>
            </ac:spMkLst>
          </pc:spChg>
          <pc:spChg chg="mod">
            <ac:chgData name="Anders Furuskär" userId="5c9f1a7d-b689-4c3c-9fb9-968669d3c21c" providerId="ADAL" clId="{7765E0E6-E566-4A34-A509-1F30C54C065B}" dt="2019-12-20T13:51:05.626" v="1050" actId="790"/>
            <ac:spMkLst>
              <pc:docMk/>
              <pc:sldMasterMk cId="2523064765" sldId="2147483660"/>
              <pc:sldLayoutMk cId="2275899235" sldId="2147483678"/>
              <ac:spMk id="8" creationId="{00000000-0000-0000-0000-000000000000}"/>
            </ac:spMkLst>
          </pc:spChg>
          <pc:spChg chg="mod">
            <ac:chgData name="Anders Furuskär" userId="5c9f1a7d-b689-4c3c-9fb9-968669d3c21c" providerId="ADAL" clId="{7765E0E6-E566-4A34-A509-1F30C54C065B}" dt="2019-12-20T13:51:05.628" v="1051" actId="790"/>
            <ac:spMkLst>
              <pc:docMk/>
              <pc:sldMasterMk cId="2523064765" sldId="2147483660"/>
              <pc:sldLayoutMk cId="2275899235" sldId="2147483678"/>
              <ac:spMk id="9" creationId="{00000000-0000-0000-0000-000000000000}"/>
            </ac:spMkLst>
          </pc:spChg>
          <pc:spChg chg="mod">
            <ac:chgData name="Anders Furuskär" userId="5c9f1a7d-b689-4c3c-9fb9-968669d3c21c" providerId="ADAL" clId="{7765E0E6-E566-4A34-A509-1F30C54C065B}" dt="2019-12-20T13:58:55.140" v="1341"/>
            <ac:spMkLst>
              <pc:docMk/>
              <pc:sldMasterMk cId="2523064765" sldId="2147483660"/>
              <pc:sldLayoutMk cId="2275899235" sldId="2147483678"/>
              <ac:spMk id="11" creationId="{A55C34B4-681E-4FDA-A9BB-6BC31D94C8D6}"/>
            </ac:spMkLst>
          </pc:spChg>
          <pc:spChg chg="mod">
            <ac:chgData name="Anders Furuskär" userId="5c9f1a7d-b689-4c3c-9fb9-968669d3c21c" providerId="ADAL" clId="{7765E0E6-E566-4A34-A509-1F30C54C065B}" dt="2019-12-20T13:51:05.631" v="1053" actId="790"/>
            <ac:spMkLst>
              <pc:docMk/>
              <pc:sldMasterMk cId="2523064765" sldId="2147483660"/>
              <pc:sldLayoutMk cId="2275899235" sldId="2147483678"/>
              <ac:spMk id="12" creationId="{D7A387F2-835E-495C-A46F-E0BAED03A9A5}"/>
            </ac:spMkLst>
          </pc:spChg>
        </pc:sldLayoutChg>
        <pc:sldLayoutChg chg="modSp">
          <pc:chgData name="Anders Furuskär" userId="5c9f1a7d-b689-4c3c-9fb9-968669d3c21c" providerId="ADAL" clId="{7765E0E6-E566-4A34-A509-1F30C54C065B}" dt="2019-12-20T13:58:55.145" v="1344"/>
          <pc:sldLayoutMkLst>
            <pc:docMk/>
            <pc:sldMasterMk cId="2523064765" sldId="2147483660"/>
            <pc:sldLayoutMk cId="1509090296" sldId="2147483679"/>
          </pc:sldLayoutMkLst>
          <pc:spChg chg="mod">
            <ac:chgData name="Anders Furuskär" userId="5c9f1a7d-b689-4c3c-9fb9-968669d3c21c" providerId="ADAL" clId="{7765E0E6-E566-4A34-A509-1F30C54C065B}" dt="2019-12-20T13:51:05.633" v="1055" actId="790"/>
            <ac:spMkLst>
              <pc:docMk/>
              <pc:sldMasterMk cId="2523064765" sldId="2147483660"/>
              <pc:sldLayoutMk cId="1509090296" sldId="2147483679"/>
              <ac:spMk id="4" creationId="{00000000-0000-0000-0000-000000000000}"/>
            </ac:spMkLst>
          </pc:spChg>
          <pc:spChg chg="mod">
            <ac:chgData name="Anders Furuskär" userId="5c9f1a7d-b689-4c3c-9fb9-968669d3c21c" providerId="ADAL" clId="{7765E0E6-E566-4A34-A509-1F30C54C065B}" dt="2019-12-20T13:51:05.635" v="1056" actId="790"/>
            <ac:spMkLst>
              <pc:docMk/>
              <pc:sldMasterMk cId="2523064765" sldId="2147483660"/>
              <pc:sldLayoutMk cId="1509090296" sldId="2147483679"/>
              <ac:spMk id="6" creationId="{00000000-0000-0000-0000-000000000000}"/>
            </ac:spMkLst>
          </pc:spChg>
          <pc:spChg chg="mod">
            <ac:chgData name="Anders Furuskär" userId="5c9f1a7d-b689-4c3c-9fb9-968669d3c21c" providerId="ADAL" clId="{7765E0E6-E566-4A34-A509-1F30C54C065B}" dt="2019-12-20T13:51:05.632" v="1054" actId="790"/>
            <ac:spMkLst>
              <pc:docMk/>
              <pc:sldMasterMk cId="2523064765" sldId="2147483660"/>
              <pc:sldLayoutMk cId="1509090296" sldId="2147483679"/>
              <ac:spMk id="7" creationId="{CD0BB64A-768A-4118-B3E5-52B98C693831}"/>
            </ac:spMkLst>
          </pc:spChg>
          <pc:spChg chg="mod">
            <ac:chgData name="Anders Furuskär" userId="5c9f1a7d-b689-4c3c-9fb9-968669d3c21c" providerId="ADAL" clId="{7765E0E6-E566-4A34-A509-1F30C54C065B}" dt="2019-12-20T13:51:05.636" v="1057" actId="790"/>
            <ac:spMkLst>
              <pc:docMk/>
              <pc:sldMasterMk cId="2523064765" sldId="2147483660"/>
              <pc:sldLayoutMk cId="1509090296" sldId="2147483679"/>
              <ac:spMk id="8" creationId="{00000000-0000-0000-0000-000000000000}"/>
            </ac:spMkLst>
          </pc:spChg>
          <pc:spChg chg="mod">
            <ac:chgData name="Anders Furuskär" userId="5c9f1a7d-b689-4c3c-9fb9-968669d3c21c" providerId="ADAL" clId="{7765E0E6-E566-4A34-A509-1F30C54C065B}" dt="2019-12-20T13:51:05.638" v="1058" actId="790"/>
            <ac:spMkLst>
              <pc:docMk/>
              <pc:sldMasterMk cId="2523064765" sldId="2147483660"/>
              <pc:sldLayoutMk cId="1509090296" sldId="2147483679"/>
              <ac:spMk id="9" creationId="{00000000-0000-0000-0000-000000000000}"/>
            </ac:spMkLst>
          </pc:spChg>
          <pc:spChg chg="mod">
            <ac:chgData name="Anders Furuskär" userId="5c9f1a7d-b689-4c3c-9fb9-968669d3c21c" providerId="ADAL" clId="{7765E0E6-E566-4A34-A509-1F30C54C065B}" dt="2019-12-20T13:58:55.145" v="1344"/>
            <ac:spMkLst>
              <pc:docMk/>
              <pc:sldMasterMk cId="2523064765" sldId="2147483660"/>
              <pc:sldLayoutMk cId="1509090296" sldId="2147483679"/>
              <ac:spMk id="11" creationId="{107CDD62-B47C-43AB-8BA0-F875DF45681E}"/>
            </ac:spMkLst>
          </pc:spChg>
          <pc:spChg chg="mod">
            <ac:chgData name="Anders Furuskär" userId="5c9f1a7d-b689-4c3c-9fb9-968669d3c21c" providerId="ADAL" clId="{7765E0E6-E566-4A34-A509-1F30C54C065B}" dt="2019-12-20T13:51:05.640" v="1060" actId="790"/>
            <ac:spMkLst>
              <pc:docMk/>
              <pc:sldMasterMk cId="2523064765" sldId="2147483660"/>
              <pc:sldLayoutMk cId="1509090296" sldId="2147483679"/>
              <ac:spMk id="12" creationId="{18C6E5A5-2F53-43D5-8F46-313E672024E6}"/>
            </ac:spMkLst>
          </pc:spChg>
        </pc:sldLayoutChg>
        <pc:sldLayoutChg chg="modSp">
          <pc:chgData name="Anders Furuskär" userId="5c9f1a7d-b689-4c3c-9fb9-968669d3c21c" providerId="ADAL" clId="{7765E0E6-E566-4A34-A509-1F30C54C065B}" dt="2019-12-20T13:58:55.149" v="1347"/>
          <pc:sldLayoutMkLst>
            <pc:docMk/>
            <pc:sldMasterMk cId="2523064765" sldId="2147483660"/>
            <pc:sldLayoutMk cId="3100695833" sldId="2147483680"/>
          </pc:sldLayoutMkLst>
          <pc:spChg chg="mod">
            <ac:chgData name="Anders Furuskär" userId="5c9f1a7d-b689-4c3c-9fb9-968669d3c21c" providerId="ADAL" clId="{7765E0E6-E566-4A34-A509-1F30C54C065B}" dt="2019-12-20T13:51:05.643" v="1062" actId="790"/>
            <ac:spMkLst>
              <pc:docMk/>
              <pc:sldMasterMk cId="2523064765" sldId="2147483660"/>
              <pc:sldLayoutMk cId="3100695833" sldId="2147483680"/>
              <ac:spMk id="4" creationId="{00000000-0000-0000-0000-000000000000}"/>
            </ac:spMkLst>
          </pc:spChg>
          <pc:spChg chg="mod">
            <ac:chgData name="Anders Furuskär" userId="5c9f1a7d-b689-4c3c-9fb9-968669d3c21c" providerId="ADAL" clId="{7765E0E6-E566-4A34-A509-1F30C54C065B}" dt="2019-12-20T13:51:05.644" v="1063" actId="790"/>
            <ac:spMkLst>
              <pc:docMk/>
              <pc:sldMasterMk cId="2523064765" sldId="2147483660"/>
              <pc:sldLayoutMk cId="3100695833" sldId="2147483680"/>
              <ac:spMk id="6" creationId="{00000000-0000-0000-0000-000000000000}"/>
            </ac:spMkLst>
          </pc:spChg>
          <pc:spChg chg="mod">
            <ac:chgData name="Anders Furuskär" userId="5c9f1a7d-b689-4c3c-9fb9-968669d3c21c" providerId="ADAL" clId="{7765E0E6-E566-4A34-A509-1F30C54C065B}" dt="2019-12-20T13:51:05.641" v="1061" actId="790"/>
            <ac:spMkLst>
              <pc:docMk/>
              <pc:sldMasterMk cId="2523064765" sldId="2147483660"/>
              <pc:sldLayoutMk cId="3100695833" sldId="2147483680"/>
              <ac:spMk id="7" creationId="{F83268EB-5955-4A3F-8B85-E7C084E6FAF5}"/>
            </ac:spMkLst>
          </pc:spChg>
          <pc:spChg chg="mod">
            <ac:chgData name="Anders Furuskär" userId="5c9f1a7d-b689-4c3c-9fb9-968669d3c21c" providerId="ADAL" clId="{7765E0E6-E566-4A34-A509-1F30C54C065B}" dt="2019-12-20T13:51:05.646" v="1064" actId="790"/>
            <ac:spMkLst>
              <pc:docMk/>
              <pc:sldMasterMk cId="2523064765" sldId="2147483660"/>
              <pc:sldLayoutMk cId="3100695833" sldId="2147483680"/>
              <ac:spMk id="8" creationId="{00000000-0000-0000-0000-000000000000}"/>
            </ac:spMkLst>
          </pc:spChg>
          <pc:spChg chg="mod">
            <ac:chgData name="Anders Furuskär" userId="5c9f1a7d-b689-4c3c-9fb9-968669d3c21c" providerId="ADAL" clId="{7765E0E6-E566-4A34-A509-1F30C54C065B}" dt="2019-12-20T13:51:05.648" v="1065" actId="790"/>
            <ac:spMkLst>
              <pc:docMk/>
              <pc:sldMasterMk cId="2523064765" sldId="2147483660"/>
              <pc:sldLayoutMk cId="3100695833" sldId="2147483680"/>
              <ac:spMk id="9" creationId="{00000000-0000-0000-0000-000000000000}"/>
            </ac:spMkLst>
          </pc:spChg>
          <pc:spChg chg="mod">
            <ac:chgData name="Anders Furuskär" userId="5c9f1a7d-b689-4c3c-9fb9-968669d3c21c" providerId="ADAL" clId="{7765E0E6-E566-4A34-A509-1F30C54C065B}" dt="2019-12-20T13:58:55.149" v="1347"/>
            <ac:spMkLst>
              <pc:docMk/>
              <pc:sldMasterMk cId="2523064765" sldId="2147483660"/>
              <pc:sldLayoutMk cId="3100695833" sldId="2147483680"/>
              <ac:spMk id="11" creationId="{A2963A4D-3277-42A5-8919-305DE5AD9247}"/>
            </ac:spMkLst>
          </pc:spChg>
          <pc:spChg chg="mod">
            <ac:chgData name="Anders Furuskär" userId="5c9f1a7d-b689-4c3c-9fb9-968669d3c21c" providerId="ADAL" clId="{7765E0E6-E566-4A34-A509-1F30C54C065B}" dt="2019-12-20T13:51:05.651" v="1067" actId="790"/>
            <ac:spMkLst>
              <pc:docMk/>
              <pc:sldMasterMk cId="2523064765" sldId="2147483660"/>
              <pc:sldLayoutMk cId="3100695833" sldId="2147483680"/>
              <ac:spMk id="12" creationId="{E1242BA1-7F88-4EA2-ACA1-05CEF1F3A57D}"/>
            </ac:spMkLst>
          </pc:spChg>
        </pc:sldLayoutChg>
        <pc:sldLayoutChg chg="modSp">
          <pc:chgData name="Anders Furuskär" userId="5c9f1a7d-b689-4c3c-9fb9-968669d3c21c" providerId="ADAL" clId="{7765E0E6-E566-4A34-A509-1F30C54C065B}" dt="2019-12-20T13:58:55.156" v="1353"/>
          <pc:sldLayoutMkLst>
            <pc:docMk/>
            <pc:sldMasterMk cId="2523064765" sldId="2147483660"/>
            <pc:sldLayoutMk cId="1436988196" sldId="2147483681"/>
          </pc:sldLayoutMkLst>
          <pc:spChg chg="mod">
            <ac:chgData name="Anders Furuskär" userId="5c9f1a7d-b689-4c3c-9fb9-968669d3c21c" providerId="ADAL" clId="{7765E0E6-E566-4A34-A509-1F30C54C065B}" dt="2019-12-20T13:51:05.663" v="1076" actId="790"/>
            <ac:spMkLst>
              <pc:docMk/>
              <pc:sldMasterMk cId="2523064765" sldId="2147483660"/>
              <pc:sldLayoutMk cId="1436988196" sldId="2147483681"/>
              <ac:spMk id="3" creationId="{00000000-0000-0000-0000-000000000000}"/>
            </ac:spMkLst>
          </pc:spChg>
          <pc:spChg chg="mod">
            <ac:chgData name="Anders Furuskär" userId="5c9f1a7d-b689-4c3c-9fb9-968669d3c21c" providerId="ADAL" clId="{7765E0E6-E566-4A34-A509-1F30C54C065B}" dt="2019-12-20T13:51:05.665" v="1077" actId="790"/>
            <ac:spMkLst>
              <pc:docMk/>
              <pc:sldMasterMk cId="2523064765" sldId="2147483660"/>
              <pc:sldLayoutMk cId="1436988196" sldId="2147483681"/>
              <ac:spMk id="4" creationId="{00000000-0000-0000-0000-000000000000}"/>
            </ac:spMkLst>
          </pc:spChg>
          <pc:spChg chg="mod">
            <ac:chgData name="Anders Furuskär" userId="5c9f1a7d-b689-4c3c-9fb9-968669d3c21c" providerId="ADAL" clId="{7765E0E6-E566-4A34-A509-1F30C54C065B}" dt="2019-12-20T13:51:05.667" v="1078" actId="790"/>
            <ac:spMkLst>
              <pc:docMk/>
              <pc:sldMasterMk cId="2523064765" sldId="2147483660"/>
              <pc:sldLayoutMk cId="1436988196" sldId="2147483681"/>
              <ac:spMk id="5" creationId="{00000000-0000-0000-0000-000000000000}"/>
            </ac:spMkLst>
          </pc:spChg>
          <pc:spChg chg="mod">
            <ac:chgData name="Anders Furuskär" userId="5c9f1a7d-b689-4c3c-9fb9-968669d3c21c" providerId="ADAL" clId="{7765E0E6-E566-4A34-A509-1F30C54C065B}" dt="2019-12-20T13:51:05.669" v="1079" actId="790"/>
            <ac:spMkLst>
              <pc:docMk/>
              <pc:sldMasterMk cId="2523064765" sldId="2147483660"/>
              <pc:sldLayoutMk cId="1436988196" sldId="2147483681"/>
              <ac:spMk id="6" creationId="{00000000-0000-0000-0000-000000000000}"/>
            </ac:spMkLst>
          </pc:spChg>
          <pc:spChg chg="mod">
            <ac:chgData name="Anders Furuskär" userId="5c9f1a7d-b689-4c3c-9fb9-968669d3c21c" providerId="ADAL" clId="{7765E0E6-E566-4A34-A509-1F30C54C065B}" dt="2019-12-20T13:51:05.672" v="1081" actId="790"/>
            <ac:spMkLst>
              <pc:docMk/>
              <pc:sldMasterMk cId="2523064765" sldId="2147483660"/>
              <pc:sldLayoutMk cId="1436988196" sldId="2147483681"/>
              <ac:spMk id="8" creationId="{00000000-0000-0000-0000-000000000000}"/>
            </ac:spMkLst>
          </pc:spChg>
          <pc:spChg chg="mod">
            <ac:chgData name="Anders Furuskär" userId="5c9f1a7d-b689-4c3c-9fb9-968669d3c21c" providerId="ADAL" clId="{7765E0E6-E566-4A34-A509-1F30C54C065B}" dt="2019-12-20T13:51:05.670" v="1080" actId="790"/>
            <ac:spMkLst>
              <pc:docMk/>
              <pc:sldMasterMk cId="2523064765" sldId="2147483660"/>
              <pc:sldLayoutMk cId="1436988196" sldId="2147483681"/>
              <ac:spMk id="9" creationId="{00000000-0000-0000-0000-000000000000}"/>
            </ac:spMkLst>
          </pc:spChg>
          <pc:spChg chg="mod">
            <ac:chgData name="Anders Furuskär" userId="5c9f1a7d-b689-4c3c-9fb9-968669d3c21c" providerId="ADAL" clId="{7765E0E6-E566-4A34-A509-1F30C54C065B}" dt="2019-12-20T13:51:05.675" v="1083" actId="790"/>
            <ac:spMkLst>
              <pc:docMk/>
              <pc:sldMasterMk cId="2523064765" sldId="2147483660"/>
              <pc:sldLayoutMk cId="1436988196" sldId="2147483681"/>
              <ac:spMk id="10" creationId="{00000000-0000-0000-0000-000000000000}"/>
            </ac:spMkLst>
          </pc:spChg>
          <pc:spChg chg="mod">
            <ac:chgData name="Anders Furuskär" userId="5c9f1a7d-b689-4c3c-9fb9-968669d3c21c" providerId="ADAL" clId="{7765E0E6-E566-4A34-A509-1F30C54C065B}" dt="2019-12-20T13:51:05.673" v="1082" actId="790"/>
            <ac:spMkLst>
              <pc:docMk/>
              <pc:sldMasterMk cId="2523064765" sldId="2147483660"/>
              <pc:sldLayoutMk cId="1436988196" sldId="2147483681"/>
              <ac:spMk id="11" creationId="{00000000-0000-0000-0000-000000000000}"/>
            </ac:spMkLst>
          </pc:spChg>
          <pc:spChg chg="mod">
            <ac:chgData name="Anders Furuskär" userId="5c9f1a7d-b689-4c3c-9fb9-968669d3c21c" providerId="ADAL" clId="{7765E0E6-E566-4A34-A509-1F30C54C065B}" dt="2019-12-20T13:51:05.662" v="1075" actId="790"/>
            <ac:spMkLst>
              <pc:docMk/>
              <pc:sldMasterMk cId="2523064765" sldId="2147483660"/>
              <pc:sldLayoutMk cId="1436988196" sldId="2147483681"/>
              <ac:spMk id="13" creationId="{99858DC4-E787-41D2-A613-961D60F89117}"/>
            </ac:spMkLst>
          </pc:spChg>
          <pc:spChg chg="mod">
            <ac:chgData name="Anders Furuskär" userId="5c9f1a7d-b689-4c3c-9fb9-968669d3c21c" providerId="ADAL" clId="{7765E0E6-E566-4A34-A509-1F30C54C065B}" dt="2019-12-20T13:58:55.156" v="1353"/>
            <ac:spMkLst>
              <pc:docMk/>
              <pc:sldMasterMk cId="2523064765" sldId="2147483660"/>
              <pc:sldLayoutMk cId="1436988196" sldId="2147483681"/>
              <ac:spMk id="14" creationId="{089CBEB5-348B-49F3-8F8B-FDEE08950E37}"/>
            </ac:spMkLst>
          </pc:spChg>
          <pc:spChg chg="mod">
            <ac:chgData name="Anders Furuskär" userId="5c9f1a7d-b689-4c3c-9fb9-968669d3c21c" providerId="ADAL" clId="{7765E0E6-E566-4A34-A509-1F30C54C065B}" dt="2019-12-20T13:51:05.677" v="1085" actId="790"/>
            <ac:spMkLst>
              <pc:docMk/>
              <pc:sldMasterMk cId="2523064765" sldId="2147483660"/>
              <pc:sldLayoutMk cId="1436988196" sldId="2147483681"/>
              <ac:spMk id="16" creationId="{440C0979-D90E-4CC1-9A55-E0FC60A30731}"/>
            </ac:spMkLst>
          </pc:spChg>
        </pc:sldLayoutChg>
        <pc:sldLayoutChg chg="modSp">
          <pc:chgData name="Anders Furuskär" userId="5c9f1a7d-b689-4c3c-9fb9-968669d3c21c" providerId="ADAL" clId="{7765E0E6-E566-4A34-A509-1F30C54C065B}" dt="2019-12-20T13:58:55.069" v="1305"/>
          <pc:sldLayoutMkLst>
            <pc:docMk/>
            <pc:sldMasterMk cId="2523064765" sldId="2147483660"/>
            <pc:sldLayoutMk cId="4114665" sldId="2147483682"/>
          </pc:sldLayoutMkLst>
          <pc:spChg chg="mod">
            <ac:chgData name="Anders Furuskär" userId="5c9f1a7d-b689-4c3c-9fb9-968669d3c21c" providerId="ADAL" clId="{7765E0E6-E566-4A34-A509-1F30C54C065B}" dt="2019-12-20T13:51:05.533" v="988" actId="790"/>
            <ac:spMkLst>
              <pc:docMk/>
              <pc:sldMasterMk cId="2523064765" sldId="2147483660"/>
              <pc:sldLayoutMk cId="4114665" sldId="2147483682"/>
              <ac:spMk id="4" creationId="{00000000-0000-0000-0000-000000000000}"/>
            </ac:spMkLst>
          </pc:spChg>
          <pc:spChg chg="mod">
            <ac:chgData name="Anders Furuskär" userId="5c9f1a7d-b689-4c3c-9fb9-968669d3c21c" providerId="ADAL" clId="{7765E0E6-E566-4A34-A509-1F30C54C065B}" dt="2019-12-20T13:51:05.531" v="987" actId="790"/>
            <ac:spMkLst>
              <pc:docMk/>
              <pc:sldMasterMk cId="2523064765" sldId="2147483660"/>
              <pc:sldLayoutMk cId="4114665" sldId="2147483682"/>
              <ac:spMk id="5" creationId="{AC5B9436-E3EB-4A3D-BE6B-EFFF8123DE9D}"/>
            </ac:spMkLst>
          </pc:spChg>
          <pc:spChg chg="mod">
            <ac:chgData name="Anders Furuskär" userId="5c9f1a7d-b689-4c3c-9fb9-968669d3c21c" providerId="ADAL" clId="{7765E0E6-E566-4A34-A509-1F30C54C065B}" dt="2019-12-20T13:58:55.069" v="1305"/>
            <ac:spMkLst>
              <pc:docMk/>
              <pc:sldMasterMk cId="2523064765" sldId="2147483660"/>
              <pc:sldLayoutMk cId="4114665" sldId="2147483682"/>
              <ac:spMk id="7" creationId="{EF2C589A-70A9-4C1E-92FD-76B1E60A1A29}"/>
            </ac:spMkLst>
          </pc:spChg>
          <pc:spChg chg="mod">
            <ac:chgData name="Anders Furuskär" userId="5c9f1a7d-b689-4c3c-9fb9-968669d3c21c" providerId="ADAL" clId="{7765E0E6-E566-4A34-A509-1F30C54C065B}" dt="2019-12-20T13:51:05.537" v="990" actId="790"/>
            <ac:spMkLst>
              <pc:docMk/>
              <pc:sldMasterMk cId="2523064765" sldId="2147483660"/>
              <pc:sldLayoutMk cId="4114665" sldId="2147483682"/>
              <ac:spMk id="8" creationId="{E735C405-D694-4150-B4C4-0B84A1A5CAEA}"/>
            </ac:spMkLst>
          </pc:spChg>
        </pc:sldLayoutChg>
        <pc:sldLayoutChg chg="modSp">
          <pc:chgData name="Anders Furuskär" userId="5c9f1a7d-b689-4c3c-9fb9-968669d3c21c" providerId="ADAL" clId="{7765E0E6-E566-4A34-A509-1F30C54C065B}" dt="2019-12-20T13:58:55.073" v="1308"/>
          <pc:sldLayoutMkLst>
            <pc:docMk/>
            <pc:sldMasterMk cId="2523064765" sldId="2147483660"/>
            <pc:sldLayoutMk cId="584347284" sldId="2147483683"/>
          </pc:sldLayoutMkLst>
          <pc:spChg chg="mod">
            <ac:chgData name="Anders Furuskär" userId="5c9f1a7d-b689-4c3c-9fb9-968669d3c21c" providerId="ADAL" clId="{7765E0E6-E566-4A34-A509-1F30C54C065B}" dt="2019-12-20T13:51:05.542" v="993" actId="790"/>
            <ac:spMkLst>
              <pc:docMk/>
              <pc:sldMasterMk cId="2523064765" sldId="2147483660"/>
              <pc:sldLayoutMk cId="584347284" sldId="2147483683"/>
              <ac:spMk id="3" creationId="{2F5F844D-0CF3-4814-B0DE-3D27A83936FD}"/>
            </ac:spMkLst>
          </pc:spChg>
          <pc:spChg chg="mod">
            <ac:chgData name="Anders Furuskär" userId="5c9f1a7d-b689-4c3c-9fb9-968669d3c21c" providerId="ADAL" clId="{7765E0E6-E566-4A34-A509-1F30C54C065B}" dt="2019-12-20T13:51:05.540" v="992" actId="790"/>
            <ac:spMkLst>
              <pc:docMk/>
              <pc:sldMasterMk cId="2523064765" sldId="2147483660"/>
              <pc:sldLayoutMk cId="584347284" sldId="2147483683"/>
              <ac:spMk id="4" creationId="{00000000-0000-0000-0000-000000000000}"/>
            </ac:spMkLst>
          </pc:spChg>
          <pc:spChg chg="mod">
            <ac:chgData name="Anders Furuskär" userId="5c9f1a7d-b689-4c3c-9fb9-968669d3c21c" providerId="ADAL" clId="{7765E0E6-E566-4A34-A509-1F30C54C065B}" dt="2019-12-20T13:51:05.538" v="991" actId="790"/>
            <ac:spMkLst>
              <pc:docMk/>
              <pc:sldMasterMk cId="2523064765" sldId="2147483660"/>
              <pc:sldLayoutMk cId="584347284" sldId="2147483683"/>
              <ac:spMk id="6" creationId="{00000000-0000-0000-0000-000000000000}"/>
            </ac:spMkLst>
          </pc:spChg>
          <pc:spChg chg="mod">
            <ac:chgData name="Anders Furuskär" userId="5c9f1a7d-b689-4c3c-9fb9-968669d3c21c" providerId="ADAL" clId="{7765E0E6-E566-4A34-A509-1F30C54C065B}" dt="2019-12-20T13:58:55.073" v="1308"/>
            <ac:spMkLst>
              <pc:docMk/>
              <pc:sldMasterMk cId="2523064765" sldId="2147483660"/>
              <pc:sldLayoutMk cId="584347284" sldId="2147483683"/>
              <ac:spMk id="9" creationId="{4372D240-75C4-4747-BB0C-CDA1A95650A3}"/>
            </ac:spMkLst>
          </pc:spChg>
          <pc:spChg chg="mod">
            <ac:chgData name="Anders Furuskär" userId="5c9f1a7d-b689-4c3c-9fb9-968669d3c21c" providerId="ADAL" clId="{7765E0E6-E566-4A34-A509-1F30C54C065B}" dt="2019-12-20T13:51:05.546" v="995" actId="790"/>
            <ac:spMkLst>
              <pc:docMk/>
              <pc:sldMasterMk cId="2523064765" sldId="2147483660"/>
              <pc:sldLayoutMk cId="584347284" sldId="2147483683"/>
              <ac:spMk id="12" creationId="{DDD81FA4-E9EC-4B93-8FAA-8C7EE9DC027E}"/>
            </ac:spMkLst>
          </pc:spChg>
        </pc:sldLayoutChg>
        <pc:sldLayoutChg chg="modSp">
          <pc:chgData name="Anders Furuskär" userId="5c9f1a7d-b689-4c3c-9fb9-968669d3c21c" providerId="ADAL" clId="{7765E0E6-E566-4A34-A509-1F30C54C065B}" dt="2019-12-20T13:58:55.078" v="1311"/>
          <pc:sldLayoutMkLst>
            <pc:docMk/>
            <pc:sldMasterMk cId="2523064765" sldId="2147483660"/>
            <pc:sldLayoutMk cId="2522373556" sldId="2147483684"/>
          </pc:sldLayoutMkLst>
          <pc:spChg chg="mod">
            <ac:chgData name="Anders Furuskär" userId="5c9f1a7d-b689-4c3c-9fb9-968669d3c21c" providerId="ADAL" clId="{7765E0E6-E566-4A34-A509-1F30C54C065B}" dt="2019-12-20T13:51:05.549" v="997" actId="790"/>
            <ac:spMkLst>
              <pc:docMk/>
              <pc:sldMasterMk cId="2523064765" sldId="2147483660"/>
              <pc:sldLayoutMk cId="2522373556" sldId="2147483684"/>
              <ac:spMk id="4" creationId="{00000000-0000-0000-0000-000000000000}"/>
            </ac:spMkLst>
          </pc:spChg>
          <pc:spChg chg="mod">
            <ac:chgData name="Anders Furuskär" userId="5c9f1a7d-b689-4c3c-9fb9-968669d3c21c" providerId="ADAL" clId="{7765E0E6-E566-4A34-A509-1F30C54C065B}" dt="2019-12-20T13:51:05.547" v="996" actId="790"/>
            <ac:spMkLst>
              <pc:docMk/>
              <pc:sldMasterMk cId="2523064765" sldId="2147483660"/>
              <pc:sldLayoutMk cId="2522373556" sldId="2147483684"/>
              <ac:spMk id="5" creationId="{4ACB62A1-CC4A-4B59-B1D8-ED86B77D9A3A}"/>
            </ac:spMkLst>
          </pc:spChg>
          <pc:spChg chg="mod">
            <ac:chgData name="Anders Furuskär" userId="5c9f1a7d-b689-4c3c-9fb9-968669d3c21c" providerId="ADAL" clId="{7765E0E6-E566-4A34-A509-1F30C54C065B}" dt="2019-12-20T13:58:55.078" v="1311"/>
            <ac:spMkLst>
              <pc:docMk/>
              <pc:sldMasterMk cId="2523064765" sldId="2147483660"/>
              <pc:sldLayoutMk cId="2522373556" sldId="2147483684"/>
              <ac:spMk id="7" creationId="{8D51E95B-B5A6-40B6-97CB-5F0FE563EB1D}"/>
            </ac:spMkLst>
          </pc:spChg>
          <pc:spChg chg="mod">
            <ac:chgData name="Anders Furuskär" userId="5c9f1a7d-b689-4c3c-9fb9-968669d3c21c" providerId="ADAL" clId="{7765E0E6-E566-4A34-A509-1F30C54C065B}" dt="2019-12-20T13:51:05.551" v="999" actId="790"/>
            <ac:spMkLst>
              <pc:docMk/>
              <pc:sldMasterMk cId="2523064765" sldId="2147483660"/>
              <pc:sldLayoutMk cId="2522373556" sldId="2147483684"/>
              <ac:spMk id="11" creationId="{FF233E17-CA98-40A3-BA47-478F1A44B299}"/>
            </ac:spMkLst>
          </pc:spChg>
        </pc:sldLayoutChg>
        <pc:sldLayoutChg chg="modSp">
          <pc:chgData name="Anders Furuskär" userId="5c9f1a7d-b689-4c3c-9fb9-968669d3c21c" providerId="ADAL" clId="{7765E0E6-E566-4A34-A509-1F30C54C065B}" dt="2019-12-20T13:58:55.083" v="1314"/>
          <pc:sldLayoutMkLst>
            <pc:docMk/>
            <pc:sldMasterMk cId="2523064765" sldId="2147483660"/>
            <pc:sldLayoutMk cId="2731981876" sldId="2147483685"/>
          </pc:sldLayoutMkLst>
          <pc:spChg chg="mod">
            <ac:chgData name="Anders Furuskär" userId="5c9f1a7d-b689-4c3c-9fb9-968669d3c21c" providerId="ADAL" clId="{7765E0E6-E566-4A34-A509-1F30C54C065B}" dt="2019-12-20T13:51:05.555" v="1002" actId="790"/>
            <ac:spMkLst>
              <pc:docMk/>
              <pc:sldMasterMk cId="2523064765" sldId="2147483660"/>
              <pc:sldLayoutMk cId="2731981876" sldId="2147483685"/>
              <ac:spMk id="3" creationId="{B0349585-9F54-46CC-8CEC-052CD1853EC5}"/>
            </ac:spMkLst>
          </pc:spChg>
          <pc:spChg chg="mod">
            <ac:chgData name="Anders Furuskär" userId="5c9f1a7d-b689-4c3c-9fb9-968669d3c21c" providerId="ADAL" clId="{7765E0E6-E566-4A34-A509-1F30C54C065B}" dt="2019-12-20T13:51:05.554" v="1001" actId="790"/>
            <ac:spMkLst>
              <pc:docMk/>
              <pc:sldMasterMk cId="2523064765" sldId="2147483660"/>
              <pc:sldLayoutMk cId="2731981876" sldId="2147483685"/>
              <ac:spMk id="4" creationId="{00000000-0000-0000-0000-000000000000}"/>
            </ac:spMkLst>
          </pc:spChg>
          <pc:spChg chg="mod">
            <ac:chgData name="Anders Furuskär" userId="5c9f1a7d-b689-4c3c-9fb9-968669d3c21c" providerId="ADAL" clId="{7765E0E6-E566-4A34-A509-1F30C54C065B}" dt="2019-12-20T13:51:05.552" v="1000" actId="790"/>
            <ac:spMkLst>
              <pc:docMk/>
              <pc:sldMasterMk cId="2523064765" sldId="2147483660"/>
              <pc:sldLayoutMk cId="2731981876" sldId="2147483685"/>
              <ac:spMk id="6" creationId="{00000000-0000-0000-0000-000000000000}"/>
            </ac:spMkLst>
          </pc:spChg>
          <pc:spChg chg="mod">
            <ac:chgData name="Anders Furuskär" userId="5c9f1a7d-b689-4c3c-9fb9-968669d3c21c" providerId="ADAL" clId="{7765E0E6-E566-4A34-A509-1F30C54C065B}" dt="2019-12-20T13:58:55.083" v="1314"/>
            <ac:spMkLst>
              <pc:docMk/>
              <pc:sldMasterMk cId="2523064765" sldId="2147483660"/>
              <pc:sldLayoutMk cId="2731981876" sldId="2147483685"/>
              <ac:spMk id="11" creationId="{4137CA89-AFF7-46A6-A978-5D6CF4C2A39A}"/>
            </ac:spMkLst>
          </pc:spChg>
          <pc:spChg chg="mod">
            <ac:chgData name="Anders Furuskär" userId="5c9f1a7d-b689-4c3c-9fb9-968669d3c21c" providerId="ADAL" clId="{7765E0E6-E566-4A34-A509-1F30C54C065B}" dt="2019-12-20T13:51:05.558" v="1004" actId="790"/>
            <ac:spMkLst>
              <pc:docMk/>
              <pc:sldMasterMk cId="2523064765" sldId="2147483660"/>
              <pc:sldLayoutMk cId="2731981876" sldId="2147483685"/>
              <ac:spMk id="12" creationId="{7D53C9C0-925C-4E10-98AB-FC8F3B8CF044}"/>
            </ac:spMkLst>
          </pc:spChg>
        </pc:sldLayoutChg>
        <pc:sldLayoutChg chg="modSp">
          <pc:chgData name="Anders Furuskär" userId="5c9f1a7d-b689-4c3c-9fb9-968669d3c21c" providerId="ADAL" clId="{7765E0E6-E566-4A34-A509-1F30C54C065B}" dt="2019-12-20T13:58:55.098" v="1323"/>
          <pc:sldLayoutMkLst>
            <pc:docMk/>
            <pc:sldMasterMk cId="2523064765" sldId="2147483660"/>
            <pc:sldLayoutMk cId="1631202071" sldId="2147483686"/>
          </pc:sldLayoutMkLst>
          <pc:spChg chg="mod">
            <ac:chgData name="Anders Furuskär" userId="5c9f1a7d-b689-4c3c-9fb9-968669d3c21c" providerId="ADAL" clId="{7765E0E6-E566-4A34-A509-1F30C54C065B}" dt="2019-12-20T13:51:05.576" v="1016" actId="790"/>
            <ac:spMkLst>
              <pc:docMk/>
              <pc:sldMasterMk cId="2523064765" sldId="2147483660"/>
              <pc:sldLayoutMk cId="1631202071" sldId="2147483686"/>
              <ac:spMk id="3" creationId="{00000000-0000-0000-0000-000000000000}"/>
            </ac:spMkLst>
          </pc:spChg>
          <pc:spChg chg="mod">
            <ac:chgData name="Anders Furuskär" userId="5c9f1a7d-b689-4c3c-9fb9-968669d3c21c" providerId="ADAL" clId="{7765E0E6-E566-4A34-A509-1F30C54C065B}" dt="2019-12-20T13:51:05.578" v="1017" actId="790"/>
            <ac:spMkLst>
              <pc:docMk/>
              <pc:sldMasterMk cId="2523064765" sldId="2147483660"/>
              <pc:sldLayoutMk cId="1631202071" sldId="2147483686"/>
              <ac:spMk id="5" creationId="{00000000-0000-0000-0000-000000000000}"/>
            </ac:spMkLst>
          </pc:spChg>
          <pc:spChg chg="mod">
            <ac:chgData name="Anders Furuskär" userId="5c9f1a7d-b689-4c3c-9fb9-968669d3c21c" providerId="ADAL" clId="{7765E0E6-E566-4A34-A509-1F30C54C065B}" dt="2019-12-20T13:51:05.574" v="1015" actId="790"/>
            <ac:spMkLst>
              <pc:docMk/>
              <pc:sldMasterMk cId="2523064765" sldId="2147483660"/>
              <pc:sldLayoutMk cId="1631202071" sldId="2147483686"/>
              <ac:spMk id="6" creationId="{A05AB2F5-3C8F-45BD-81CB-45EC98D4284C}"/>
            </ac:spMkLst>
          </pc:spChg>
          <pc:spChg chg="mod">
            <ac:chgData name="Anders Furuskär" userId="5c9f1a7d-b689-4c3c-9fb9-968669d3c21c" providerId="ADAL" clId="{7765E0E6-E566-4A34-A509-1F30C54C065B}" dt="2019-12-20T13:58:55.098" v="1323"/>
            <ac:spMkLst>
              <pc:docMk/>
              <pc:sldMasterMk cId="2523064765" sldId="2147483660"/>
              <pc:sldLayoutMk cId="1631202071" sldId="2147483686"/>
              <ac:spMk id="8" creationId="{4E1D7684-BC36-44BA-9074-E0D05038847F}"/>
            </ac:spMkLst>
          </pc:spChg>
          <pc:spChg chg="mod">
            <ac:chgData name="Anders Furuskär" userId="5c9f1a7d-b689-4c3c-9fb9-968669d3c21c" providerId="ADAL" clId="{7765E0E6-E566-4A34-A509-1F30C54C065B}" dt="2019-12-20T13:51:05.580" v="1019" actId="790"/>
            <ac:spMkLst>
              <pc:docMk/>
              <pc:sldMasterMk cId="2523064765" sldId="2147483660"/>
              <pc:sldLayoutMk cId="1631202071" sldId="2147483686"/>
              <ac:spMk id="9" creationId="{1954EF9A-E11E-4334-BC30-2E9405F508E0}"/>
            </ac:spMkLst>
          </pc:spChg>
        </pc:sldLayoutChg>
        <pc:sldLayoutChg chg="modSp">
          <pc:chgData name="Anders Furuskär" userId="5c9f1a7d-b689-4c3c-9fb9-968669d3c21c" providerId="ADAL" clId="{7765E0E6-E566-4A34-A509-1F30C54C065B}" dt="2019-12-20T13:58:55.102" v="1326"/>
          <pc:sldLayoutMkLst>
            <pc:docMk/>
            <pc:sldMasterMk cId="2523064765" sldId="2147483660"/>
            <pc:sldLayoutMk cId="185064145" sldId="2147483687"/>
          </pc:sldLayoutMkLst>
          <pc:spChg chg="mod">
            <ac:chgData name="Anders Furuskär" userId="5c9f1a7d-b689-4c3c-9fb9-968669d3c21c" providerId="ADAL" clId="{7765E0E6-E566-4A34-A509-1F30C54C065B}" dt="2019-12-20T13:51:05.583" v="1021" actId="790"/>
            <ac:spMkLst>
              <pc:docMk/>
              <pc:sldMasterMk cId="2523064765" sldId="2147483660"/>
              <pc:sldLayoutMk cId="185064145" sldId="2147483687"/>
              <ac:spMk id="3" creationId="{00000000-0000-0000-0000-000000000000}"/>
            </ac:spMkLst>
          </pc:spChg>
          <pc:spChg chg="mod">
            <ac:chgData name="Anders Furuskär" userId="5c9f1a7d-b689-4c3c-9fb9-968669d3c21c" providerId="ADAL" clId="{7765E0E6-E566-4A34-A509-1F30C54C065B}" dt="2019-12-20T13:51:05.585" v="1022" actId="790"/>
            <ac:spMkLst>
              <pc:docMk/>
              <pc:sldMasterMk cId="2523064765" sldId="2147483660"/>
              <pc:sldLayoutMk cId="185064145" sldId="2147483687"/>
              <ac:spMk id="5" creationId="{00000000-0000-0000-0000-000000000000}"/>
            </ac:spMkLst>
          </pc:spChg>
          <pc:spChg chg="mod">
            <ac:chgData name="Anders Furuskär" userId="5c9f1a7d-b689-4c3c-9fb9-968669d3c21c" providerId="ADAL" clId="{7765E0E6-E566-4A34-A509-1F30C54C065B}" dt="2019-12-20T13:51:05.581" v="1020" actId="790"/>
            <ac:spMkLst>
              <pc:docMk/>
              <pc:sldMasterMk cId="2523064765" sldId="2147483660"/>
              <pc:sldLayoutMk cId="185064145" sldId="2147483687"/>
              <ac:spMk id="6" creationId="{524C71C0-9908-4C8C-97CC-AA201198D25C}"/>
            </ac:spMkLst>
          </pc:spChg>
          <pc:spChg chg="mod">
            <ac:chgData name="Anders Furuskär" userId="5c9f1a7d-b689-4c3c-9fb9-968669d3c21c" providerId="ADAL" clId="{7765E0E6-E566-4A34-A509-1F30C54C065B}" dt="2019-12-20T13:58:55.102" v="1326"/>
            <ac:spMkLst>
              <pc:docMk/>
              <pc:sldMasterMk cId="2523064765" sldId="2147483660"/>
              <pc:sldLayoutMk cId="185064145" sldId="2147483687"/>
              <ac:spMk id="8" creationId="{227D3F0D-C903-4314-9038-82A30CA70290}"/>
            </ac:spMkLst>
          </pc:spChg>
          <pc:spChg chg="mod">
            <ac:chgData name="Anders Furuskär" userId="5c9f1a7d-b689-4c3c-9fb9-968669d3c21c" providerId="ADAL" clId="{7765E0E6-E566-4A34-A509-1F30C54C065B}" dt="2019-12-20T13:51:05.587" v="1024" actId="790"/>
            <ac:spMkLst>
              <pc:docMk/>
              <pc:sldMasterMk cId="2523064765" sldId="2147483660"/>
              <pc:sldLayoutMk cId="185064145" sldId="2147483687"/>
              <ac:spMk id="9" creationId="{0B9F5F07-6E63-456E-AAB2-A105F6BE39DE}"/>
            </ac:spMkLst>
          </pc:spChg>
        </pc:sldLayoutChg>
        <pc:sldLayoutChg chg="modSp">
          <pc:chgData name="Anders Furuskär" userId="5c9f1a7d-b689-4c3c-9fb9-968669d3c21c" providerId="ADAL" clId="{7765E0E6-E566-4A34-A509-1F30C54C065B}" dt="2019-12-20T13:58:55.106" v="1329"/>
          <pc:sldLayoutMkLst>
            <pc:docMk/>
            <pc:sldMasterMk cId="2523064765" sldId="2147483660"/>
            <pc:sldLayoutMk cId="3977286576" sldId="2147483688"/>
          </pc:sldLayoutMkLst>
          <pc:spChg chg="mod">
            <ac:chgData name="Anders Furuskär" userId="5c9f1a7d-b689-4c3c-9fb9-968669d3c21c" providerId="ADAL" clId="{7765E0E6-E566-4A34-A509-1F30C54C065B}" dt="2019-12-20T13:51:05.590" v="1026" actId="790"/>
            <ac:spMkLst>
              <pc:docMk/>
              <pc:sldMasterMk cId="2523064765" sldId="2147483660"/>
              <pc:sldLayoutMk cId="3977286576" sldId="2147483688"/>
              <ac:spMk id="5" creationId="{00000000-0000-0000-0000-000000000000}"/>
            </ac:spMkLst>
          </pc:spChg>
          <pc:spChg chg="mod">
            <ac:chgData name="Anders Furuskär" userId="5c9f1a7d-b689-4c3c-9fb9-968669d3c21c" providerId="ADAL" clId="{7765E0E6-E566-4A34-A509-1F30C54C065B}" dt="2019-12-20T13:51:05.588" v="1025" actId="790"/>
            <ac:spMkLst>
              <pc:docMk/>
              <pc:sldMasterMk cId="2523064765" sldId="2147483660"/>
              <pc:sldLayoutMk cId="3977286576" sldId="2147483688"/>
              <ac:spMk id="6" creationId="{0114795F-6AFF-421E-BA39-763FAD29FC16}"/>
            </ac:spMkLst>
          </pc:spChg>
          <pc:spChg chg="mod">
            <ac:chgData name="Anders Furuskär" userId="5c9f1a7d-b689-4c3c-9fb9-968669d3c21c" providerId="ADAL" clId="{7765E0E6-E566-4A34-A509-1F30C54C065B}" dt="2019-12-20T13:51:05.592" v="1027" actId="790"/>
            <ac:spMkLst>
              <pc:docMk/>
              <pc:sldMasterMk cId="2523064765" sldId="2147483660"/>
              <pc:sldLayoutMk cId="3977286576" sldId="2147483688"/>
              <ac:spMk id="7" creationId="{00000000-0000-0000-0000-000000000000}"/>
            </ac:spMkLst>
          </pc:spChg>
          <pc:spChg chg="mod">
            <ac:chgData name="Anders Furuskär" userId="5c9f1a7d-b689-4c3c-9fb9-968669d3c21c" providerId="ADAL" clId="{7765E0E6-E566-4A34-A509-1F30C54C065B}" dt="2019-12-20T13:58:55.106" v="1329"/>
            <ac:spMkLst>
              <pc:docMk/>
              <pc:sldMasterMk cId="2523064765" sldId="2147483660"/>
              <pc:sldLayoutMk cId="3977286576" sldId="2147483688"/>
              <ac:spMk id="9" creationId="{4421DB2A-3017-4E73-8332-6B8D884A5493}"/>
            </ac:spMkLst>
          </pc:spChg>
          <pc:spChg chg="mod">
            <ac:chgData name="Anders Furuskär" userId="5c9f1a7d-b689-4c3c-9fb9-968669d3c21c" providerId="ADAL" clId="{7765E0E6-E566-4A34-A509-1F30C54C065B}" dt="2019-12-20T13:51:05.595" v="1029" actId="790"/>
            <ac:spMkLst>
              <pc:docMk/>
              <pc:sldMasterMk cId="2523064765" sldId="2147483660"/>
              <pc:sldLayoutMk cId="3977286576" sldId="2147483688"/>
              <ac:spMk id="10" creationId="{A3A86C7D-7D12-4BF6-8892-EF043F36E2EA}"/>
            </ac:spMkLst>
          </pc:spChg>
        </pc:sldLayoutChg>
        <pc:sldLayoutChg chg="modSp">
          <pc:chgData name="Anders Furuskär" userId="5c9f1a7d-b689-4c3c-9fb9-968669d3c21c" providerId="ADAL" clId="{7765E0E6-E566-4A34-A509-1F30C54C065B}" dt="2019-12-20T13:58:55.110" v="1332"/>
          <pc:sldLayoutMkLst>
            <pc:docMk/>
            <pc:sldMasterMk cId="2523064765" sldId="2147483660"/>
            <pc:sldLayoutMk cId="1762546200" sldId="2147483689"/>
          </pc:sldLayoutMkLst>
          <pc:spChg chg="mod">
            <ac:chgData name="Anders Furuskär" userId="5c9f1a7d-b689-4c3c-9fb9-968669d3c21c" providerId="ADAL" clId="{7765E0E6-E566-4A34-A509-1F30C54C065B}" dt="2019-12-20T13:51:05.596" v="1030" actId="790"/>
            <ac:spMkLst>
              <pc:docMk/>
              <pc:sldMasterMk cId="2523064765" sldId="2147483660"/>
              <pc:sldLayoutMk cId="1762546200" sldId="2147483689"/>
              <ac:spMk id="6" creationId="{A14F6E09-C956-49B3-8E41-DBD053DF768C}"/>
            </ac:spMkLst>
          </pc:spChg>
          <pc:spChg chg="mod">
            <ac:chgData name="Anders Furuskär" userId="5c9f1a7d-b689-4c3c-9fb9-968669d3c21c" providerId="ADAL" clId="{7765E0E6-E566-4A34-A509-1F30C54C065B}" dt="2019-12-20T13:51:05.597" v="1031" actId="790"/>
            <ac:spMkLst>
              <pc:docMk/>
              <pc:sldMasterMk cId="2523064765" sldId="2147483660"/>
              <pc:sldLayoutMk cId="1762546200" sldId="2147483689"/>
              <ac:spMk id="7" creationId="{00000000-0000-0000-0000-000000000000}"/>
            </ac:spMkLst>
          </pc:spChg>
          <pc:spChg chg="mod">
            <ac:chgData name="Anders Furuskär" userId="5c9f1a7d-b689-4c3c-9fb9-968669d3c21c" providerId="ADAL" clId="{7765E0E6-E566-4A34-A509-1F30C54C065B}" dt="2019-12-20T13:51:05.599" v="1032" actId="790"/>
            <ac:spMkLst>
              <pc:docMk/>
              <pc:sldMasterMk cId="2523064765" sldId="2147483660"/>
              <pc:sldLayoutMk cId="1762546200" sldId="2147483689"/>
              <ac:spMk id="8" creationId="{00000000-0000-0000-0000-000000000000}"/>
            </ac:spMkLst>
          </pc:spChg>
          <pc:spChg chg="mod">
            <ac:chgData name="Anders Furuskär" userId="5c9f1a7d-b689-4c3c-9fb9-968669d3c21c" providerId="ADAL" clId="{7765E0E6-E566-4A34-A509-1F30C54C065B}" dt="2019-12-20T13:58:55.110" v="1332"/>
            <ac:spMkLst>
              <pc:docMk/>
              <pc:sldMasterMk cId="2523064765" sldId="2147483660"/>
              <pc:sldLayoutMk cId="1762546200" sldId="2147483689"/>
              <ac:spMk id="9" creationId="{4E5A81C5-0588-4509-B7B9-9497297F88ED}"/>
            </ac:spMkLst>
          </pc:spChg>
          <pc:spChg chg="mod">
            <ac:chgData name="Anders Furuskär" userId="5c9f1a7d-b689-4c3c-9fb9-968669d3c21c" providerId="ADAL" clId="{7765E0E6-E566-4A34-A509-1F30C54C065B}" dt="2019-12-20T13:51:05.602" v="1034" actId="790"/>
            <ac:spMkLst>
              <pc:docMk/>
              <pc:sldMasterMk cId="2523064765" sldId="2147483660"/>
              <pc:sldLayoutMk cId="1762546200" sldId="2147483689"/>
              <ac:spMk id="10" creationId="{54A68D25-E1D7-496F-BC83-0E0E9B8A021B}"/>
            </ac:spMkLst>
          </pc:spChg>
        </pc:sldLayoutChg>
        <pc:sldLayoutChg chg="modSp">
          <pc:chgData name="Anders Furuskär" userId="5c9f1a7d-b689-4c3c-9fb9-968669d3c21c" providerId="ADAL" clId="{7765E0E6-E566-4A34-A509-1F30C54C065B}" dt="2019-12-20T13:58:55.152" v="1350"/>
          <pc:sldLayoutMkLst>
            <pc:docMk/>
            <pc:sldMasterMk cId="2523064765" sldId="2147483660"/>
            <pc:sldLayoutMk cId="2548612008" sldId="2147483690"/>
          </pc:sldLayoutMkLst>
          <pc:spChg chg="mod">
            <ac:chgData name="Anders Furuskär" userId="5c9f1a7d-b689-4c3c-9fb9-968669d3c21c" providerId="ADAL" clId="{7765E0E6-E566-4A34-A509-1F30C54C065B}" dt="2019-12-20T13:51:05.653" v="1069" actId="790"/>
            <ac:spMkLst>
              <pc:docMk/>
              <pc:sldMasterMk cId="2523064765" sldId="2147483660"/>
              <pc:sldLayoutMk cId="2548612008" sldId="2147483690"/>
              <ac:spMk id="3" creationId="{00000000-0000-0000-0000-000000000000}"/>
            </ac:spMkLst>
          </pc:spChg>
          <pc:spChg chg="mod">
            <ac:chgData name="Anders Furuskär" userId="5c9f1a7d-b689-4c3c-9fb9-968669d3c21c" providerId="ADAL" clId="{7765E0E6-E566-4A34-A509-1F30C54C065B}" dt="2019-12-20T13:51:05.655" v="1070" actId="790"/>
            <ac:spMkLst>
              <pc:docMk/>
              <pc:sldMasterMk cId="2523064765" sldId="2147483660"/>
              <pc:sldLayoutMk cId="2548612008" sldId="2147483690"/>
              <ac:spMk id="4" creationId="{00000000-0000-0000-0000-000000000000}"/>
            </ac:spMkLst>
          </pc:spChg>
          <pc:spChg chg="mod">
            <ac:chgData name="Anders Furuskär" userId="5c9f1a7d-b689-4c3c-9fb9-968669d3c21c" providerId="ADAL" clId="{7765E0E6-E566-4A34-A509-1F30C54C065B}" dt="2019-12-20T13:51:05.657" v="1071" actId="790"/>
            <ac:spMkLst>
              <pc:docMk/>
              <pc:sldMasterMk cId="2523064765" sldId="2147483660"/>
              <pc:sldLayoutMk cId="2548612008" sldId="2147483690"/>
              <ac:spMk id="6" creationId="{00000000-0000-0000-0000-000000000000}"/>
            </ac:spMkLst>
          </pc:spChg>
          <pc:spChg chg="mod">
            <ac:chgData name="Anders Furuskär" userId="5c9f1a7d-b689-4c3c-9fb9-968669d3c21c" providerId="ADAL" clId="{7765E0E6-E566-4A34-A509-1F30C54C065B}" dt="2019-12-20T13:51:05.659" v="1072" actId="790"/>
            <ac:spMkLst>
              <pc:docMk/>
              <pc:sldMasterMk cId="2523064765" sldId="2147483660"/>
              <pc:sldLayoutMk cId="2548612008" sldId="2147483690"/>
              <ac:spMk id="7" creationId="{5BD2C41D-0700-4885-AB77-25AFFE4E1FDA}"/>
            </ac:spMkLst>
          </pc:spChg>
          <pc:spChg chg="mod">
            <ac:chgData name="Anders Furuskär" userId="5c9f1a7d-b689-4c3c-9fb9-968669d3c21c" providerId="ADAL" clId="{7765E0E6-E566-4A34-A509-1F30C54C065B}" dt="2019-12-20T13:51:05.652" v="1068" actId="790"/>
            <ac:spMkLst>
              <pc:docMk/>
              <pc:sldMasterMk cId="2523064765" sldId="2147483660"/>
              <pc:sldLayoutMk cId="2548612008" sldId="2147483690"/>
              <ac:spMk id="9" creationId="{2C948968-FB06-45CC-8259-6BDE4430EACB}"/>
            </ac:spMkLst>
          </pc:spChg>
          <pc:spChg chg="mod">
            <ac:chgData name="Anders Furuskär" userId="5c9f1a7d-b689-4c3c-9fb9-968669d3c21c" providerId="ADAL" clId="{7765E0E6-E566-4A34-A509-1F30C54C065B}" dt="2019-12-20T13:58:55.152" v="1350"/>
            <ac:spMkLst>
              <pc:docMk/>
              <pc:sldMasterMk cId="2523064765" sldId="2147483660"/>
              <pc:sldLayoutMk cId="2548612008" sldId="2147483690"/>
              <ac:spMk id="10" creationId="{549048C1-340D-44C4-857B-1B201EC9A7E7}"/>
            </ac:spMkLst>
          </pc:spChg>
          <pc:spChg chg="mod">
            <ac:chgData name="Anders Furuskär" userId="5c9f1a7d-b689-4c3c-9fb9-968669d3c21c" providerId="ADAL" clId="{7765E0E6-E566-4A34-A509-1F30C54C065B}" dt="2019-12-20T13:51:05.661" v="1074" actId="790"/>
            <ac:spMkLst>
              <pc:docMk/>
              <pc:sldMasterMk cId="2523064765" sldId="2147483660"/>
              <pc:sldLayoutMk cId="2548612008" sldId="2147483690"/>
              <ac:spMk id="11" creationId="{5B2537ED-0985-4CA8-A865-C2C6DFCB18EB}"/>
            </ac:spMkLst>
          </pc:spChg>
        </pc:sldLayoutChg>
        <pc:sldLayoutChg chg="modSp">
          <pc:chgData name="Anders Furuskär" userId="5c9f1a7d-b689-4c3c-9fb9-968669d3c21c" providerId="ADAL" clId="{7765E0E6-E566-4A34-A509-1F30C54C065B}" dt="2019-12-20T13:58:55.015" v="1269"/>
          <pc:sldLayoutMkLst>
            <pc:docMk/>
            <pc:sldMasterMk cId="2523064765" sldId="2147483660"/>
            <pc:sldLayoutMk cId="185933282" sldId="2147483691"/>
          </pc:sldLayoutMkLst>
          <pc:spChg chg="mod">
            <ac:chgData name="Anders Furuskär" userId="5c9f1a7d-b689-4c3c-9fb9-968669d3c21c" providerId="ADAL" clId="{7765E0E6-E566-4A34-A509-1F30C54C065B}" dt="2019-12-20T13:58:55.015" v="1269"/>
            <ac:spMkLst>
              <pc:docMk/>
              <pc:sldMasterMk cId="2523064765" sldId="2147483660"/>
              <pc:sldLayoutMk cId="185933282" sldId="2147483691"/>
              <ac:spMk id="2" creationId="{69F42FFA-3DFB-4DB2-A942-F02200203C82}"/>
            </ac:spMkLst>
          </pc:spChg>
          <pc:spChg chg="mod">
            <ac:chgData name="Anders Furuskär" userId="5c9f1a7d-b689-4c3c-9fb9-968669d3c21c" providerId="ADAL" clId="{7765E0E6-E566-4A34-A509-1F30C54C065B}" dt="2019-12-20T13:51:05.477" v="943" actId="790"/>
            <ac:spMkLst>
              <pc:docMk/>
              <pc:sldMasterMk cId="2523064765" sldId="2147483660"/>
              <pc:sldLayoutMk cId="185933282" sldId="2147483691"/>
              <ac:spMk id="3" creationId="{1B42E3D4-F1BA-4FA4-8629-042A5D955B23}"/>
            </ac:spMkLst>
          </pc:spChg>
        </pc:sldLayoutChg>
        <pc:sldLayoutChg chg="modSp">
          <pc:chgData name="Anders Furuskär" userId="5c9f1a7d-b689-4c3c-9fb9-968669d3c21c" providerId="ADAL" clId="{7765E0E6-E566-4A34-A509-1F30C54C065B}" dt="2019-12-20T13:51:05.678" v="1086" actId="790"/>
          <pc:sldLayoutMkLst>
            <pc:docMk/>
            <pc:sldMasterMk cId="2523064765" sldId="2147483660"/>
            <pc:sldLayoutMk cId="576168519" sldId="2147483692"/>
          </pc:sldLayoutMkLst>
          <pc:spChg chg="mod">
            <ac:chgData name="Anders Furuskär" userId="5c9f1a7d-b689-4c3c-9fb9-968669d3c21c" providerId="ADAL" clId="{7765E0E6-E566-4A34-A509-1F30C54C065B}" dt="2019-12-20T13:51:05.678" v="1086" actId="790"/>
            <ac:spMkLst>
              <pc:docMk/>
              <pc:sldMasterMk cId="2523064765" sldId="2147483660"/>
              <pc:sldLayoutMk cId="576168519" sldId="2147483692"/>
              <ac:spMk id="9" creationId="{B200748E-0B61-48E1-8B47-504C30250995}"/>
            </ac:spMkLst>
          </pc:spChg>
        </pc:sldLayoutChg>
        <pc:sldLayoutChg chg="modSp">
          <pc:chgData name="Anders Furuskär" userId="5c9f1a7d-b689-4c3c-9fb9-968669d3c21c" providerId="ADAL" clId="{7765E0E6-E566-4A34-A509-1F30C54C065B}" dt="2019-12-20T13:58:54.964" v="1236"/>
          <pc:sldLayoutMkLst>
            <pc:docMk/>
            <pc:sldMasterMk cId="2523064765" sldId="2147483660"/>
            <pc:sldLayoutMk cId="787326472" sldId="2147483693"/>
          </pc:sldLayoutMkLst>
          <pc:spChg chg="mod">
            <ac:chgData name="Anders Furuskär" userId="5c9f1a7d-b689-4c3c-9fb9-968669d3c21c" providerId="ADAL" clId="{7765E0E6-E566-4A34-A509-1F30C54C065B}" dt="2019-12-20T13:51:05.412" v="890" actId="790"/>
            <ac:spMkLst>
              <pc:docMk/>
              <pc:sldMasterMk cId="2523064765" sldId="2147483660"/>
              <pc:sldLayoutMk cId="787326472" sldId="2147483693"/>
              <ac:spMk id="9" creationId="{07AC4DB9-933C-4680-A281-C11929BCC2F5}"/>
            </ac:spMkLst>
          </pc:spChg>
          <pc:spChg chg="mod">
            <ac:chgData name="Anders Furuskär" userId="5c9f1a7d-b689-4c3c-9fb9-968669d3c21c" providerId="ADAL" clId="{7765E0E6-E566-4A34-A509-1F30C54C065B}" dt="2019-12-20T13:51:05.413" v="891" actId="790"/>
            <ac:spMkLst>
              <pc:docMk/>
              <pc:sldMasterMk cId="2523064765" sldId="2147483660"/>
              <pc:sldLayoutMk cId="787326472" sldId="2147483693"/>
              <ac:spMk id="11" creationId="{7B568BB6-C8A4-4545-B025-7D97CC4692BC}"/>
            </ac:spMkLst>
          </pc:spChg>
          <pc:spChg chg="mod">
            <ac:chgData name="Anders Furuskär" userId="5c9f1a7d-b689-4c3c-9fb9-968669d3c21c" providerId="ADAL" clId="{7765E0E6-E566-4A34-A509-1F30C54C065B}" dt="2019-12-20T13:51:05.409" v="887" actId="790"/>
            <ac:spMkLst>
              <pc:docMk/>
              <pc:sldMasterMk cId="2523064765" sldId="2147483660"/>
              <pc:sldLayoutMk cId="787326472" sldId="2147483693"/>
              <ac:spMk id="12" creationId="{FB327327-50E0-4AA3-A3F9-F297582FC782}"/>
            </ac:spMkLst>
          </pc:spChg>
          <pc:spChg chg="mod">
            <ac:chgData name="Anders Furuskär" userId="5c9f1a7d-b689-4c3c-9fb9-968669d3c21c" providerId="ADAL" clId="{7765E0E6-E566-4A34-A509-1F30C54C065B}" dt="2019-12-20T13:51:05.415" v="892" actId="790"/>
            <ac:spMkLst>
              <pc:docMk/>
              <pc:sldMasterMk cId="2523064765" sldId="2147483660"/>
              <pc:sldLayoutMk cId="787326472" sldId="2147483693"/>
              <ac:spMk id="13" creationId="{D51585B7-9911-4BC2-ACC7-3D991408BDDF}"/>
            </ac:spMkLst>
          </pc:spChg>
          <pc:spChg chg="mod">
            <ac:chgData name="Anders Furuskär" userId="5c9f1a7d-b689-4c3c-9fb9-968669d3c21c" providerId="ADAL" clId="{7765E0E6-E566-4A34-A509-1F30C54C065B}" dt="2019-12-20T13:58:54.964" v="1236"/>
            <ac:spMkLst>
              <pc:docMk/>
              <pc:sldMasterMk cId="2523064765" sldId="2147483660"/>
              <pc:sldLayoutMk cId="787326472" sldId="2147483693"/>
              <ac:spMk id="14" creationId="{89DFBA61-B916-44BD-A1D9-F41D32B7BCB6}"/>
            </ac:spMkLst>
          </pc:spChg>
          <pc:spChg chg="mod">
            <ac:chgData name="Anders Furuskär" userId="5c9f1a7d-b689-4c3c-9fb9-968669d3c21c" providerId="ADAL" clId="{7765E0E6-E566-4A34-A509-1F30C54C065B}" dt="2019-12-20T13:51:05.417" v="894" actId="790"/>
            <ac:spMkLst>
              <pc:docMk/>
              <pc:sldMasterMk cId="2523064765" sldId="2147483660"/>
              <pc:sldLayoutMk cId="787326472" sldId="2147483693"/>
              <ac:spMk id="15" creationId="{27FCDB26-E6AD-44EC-BD53-56F02C5E322F}"/>
            </ac:spMkLst>
          </pc:spChg>
          <pc:spChg chg="mod">
            <ac:chgData name="Anders Furuskär" userId="5c9f1a7d-b689-4c3c-9fb9-968669d3c21c" providerId="ADAL" clId="{7765E0E6-E566-4A34-A509-1F30C54C065B}" dt="2019-12-20T13:51:05.411" v="889" actId="790"/>
            <ac:spMkLst>
              <pc:docMk/>
              <pc:sldMasterMk cId="2523064765" sldId="2147483660"/>
              <pc:sldLayoutMk cId="787326472" sldId="2147483693"/>
              <ac:spMk id="22530" creationId="{00000000-0000-0000-0000-000000000000}"/>
            </ac:spMkLst>
          </pc:spChg>
          <pc:spChg chg="mod">
            <ac:chgData name="Anders Furuskär" userId="5c9f1a7d-b689-4c3c-9fb9-968669d3c21c" providerId="ADAL" clId="{7765E0E6-E566-4A34-A509-1F30C54C065B}" dt="2019-12-20T13:51:05.410" v="888" actId="790"/>
            <ac:spMkLst>
              <pc:docMk/>
              <pc:sldMasterMk cId="2523064765" sldId="2147483660"/>
              <pc:sldLayoutMk cId="787326472" sldId="2147483693"/>
              <ac:spMk id="22531" creationId="{00000000-0000-0000-0000-000000000000}"/>
            </ac:spMkLst>
          </pc:spChg>
        </pc:sldLayoutChg>
        <pc:sldLayoutChg chg="modSp">
          <pc:chgData name="Anders Furuskär" userId="5c9f1a7d-b689-4c3c-9fb9-968669d3c21c" providerId="ADAL" clId="{7765E0E6-E566-4A34-A509-1F30C54C065B}" dt="2019-12-20T13:58:55.065" v="1302"/>
          <pc:sldLayoutMkLst>
            <pc:docMk/>
            <pc:sldMasterMk cId="2523064765" sldId="2147483660"/>
            <pc:sldLayoutMk cId="3607999529" sldId="2147483694"/>
          </pc:sldLayoutMkLst>
          <pc:spChg chg="mod">
            <ac:chgData name="Anders Furuskär" userId="5c9f1a7d-b689-4c3c-9fb9-968669d3c21c" providerId="ADAL" clId="{7765E0E6-E566-4A34-A509-1F30C54C065B}" dt="2019-12-20T13:51:05.527" v="984" actId="790"/>
            <ac:spMkLst>
              <pc:docMk/>
              <pc:sldMasterMk cId="2523064765" sldId="2147483660"/>
              <pc:sldLayoutMk cId="3607999529" sldId="2147483694"/>
              <ac:spMk id="4" creationId="{784F54AF-EED6-486A-9ACA-42061F4AAE9A}"/>
            </ac:spMkLst>
          </pc:spChg>
          <pc:spChg chg="mod">
            <ac:chgData name="Anders Furuskär" userId="5c9f1a7d-b689-4c3c-9fb9-968669d3c21c" providerId="ADAL" clId="{7765E0E6-E566-4A34-A509-1F30C54C065B}" dt="2019-12-20T13:51:05.525" v="983" actId="790"/>
            <ac:spMkLst>
              <pc:docMk/>
              <pc:sldMasterMk cId="2523064765" sldId="2147483660"/>
              <pc:sldLayoutMk cId="3607999529" sldId="2147483694"/>
              <ac:spMk id="6" creationId="{3F4EF873-DC0F-4698-BEC2-502DB043AA5C}"/>
            </ac:spMkLst>
          </pc:spChg>
          <pc:spChg chg="mod">
            <ac:chgData name="Anders Furuskär" userId="5c9f1a7d-b689-4c3c-9fb9-968669d3c21c" providerId="ADAL" clId="{7765E0E6-E566-4A34-A509-1F30C54C065B}" dt="2019-12-20T13:58:55.065" v="1302"/>
            <ac:spMkLst>
              <pc:docMk/>
              <pc:sldMasterMk cId="2523064765" sldId="2147483660"/>
              <pc:sldLayoutMk cId="3607999529" sldId="2147483694"/>
              <ac:spMk id="7" creationId="{DB8BC610-C1B0-4C6A-B5C2-80DA487CE5DE}"/>
            </ac:spMkLst>
          </pc:spChg>
          <pc:spChg chg="mod">
            <ac:chgData name="Anders Furuskär" userId="5c9f1a7d-b689-4c3c-9fb9-968669d3c21c" providerId="ADAL" clId="{7765E0E6-E566-4A34-A509-1F30C54C065B}" dt="2019-12-20T13:51:05.529" v="986" actId="790"/>
            <ac:spMkLst>
              <pc:docMk/>
              <pc:sldMasterMk cId="2523064765" sldId="2147483660"/>
              <pc:sldLayoutMk cId="3607999529" sldId="2147483694"/>
              <ac:spMk id="9" creationId="{F5902C4D-6221-4E36-A2F9-055DD2942060}"/>
            </ac:spMkLst>
          </pc:spChg>
        </pc:sldLayoutChg>
        <pc:sldLayoutChg chg="modSp">
          <pc:chgData name="Anders Furuskär" userId="5c9f1a7d-b689-4c3c-9fb9-968669d3c21c" providerId="ADAL" clId="{7765E0E6-E566-4A34-A509-1F30C54C065B}" dt="2019-12-20T13:58:55.115" v="1335"/>
          <pc:sldLayoutMkLst>
            <pc:docMk/>
            <pc:sldMasterMk cId="2523064765" sldId="2147483660"/>
            <pc:sldLayoutMk cId="3545725332" sldId="2147483696"/>
          </pc:sldLayoutMkLst>
          <pc:spChg chg="mod">
            <ac:chgData name="Anders Furuskär" userId="5c9f1a7d-b689-4c3c-9fb9-968669d3c21c" providerId="ADAL" clId="{7765E0E6-E566-4A34-A509-1F30C54C065B}" dt="2019-12-20T13:51:05.605" v="1036" actId="790"/>
            <ac:spMkLst>
              <pc:docMk/>
              <pc:sldMasterMk cId="2523064765" sldId="2147483660"/>
              <pc:sldLayoutMk cId="3545725332" sldId="2147483696"/>
              <ac:spMk id="6" creationId="{00000000-0000-0000-0000-000000000000}"/>
            </ac:spMkLst>
          </pc:spChg>
          <pc:spChg chg="mod">
            <ac:chgData name="Anders Furuskär" userId="5c9f1a7d-b689-4c3c-9fb9-968669d3c21c" providerId="ADAL" clId="{7765E0E6-E566-4A34-A509-1F30C54C065B}" dt="2019-12-20T13:51:05.608" v="1038" actId="790"/>
            <ac:spMkLst>
              <pc:docMk/>
              <pc:sldMasterMk cId="2523064765" sldId="2147483660"/>
              <pc:sldLayoutMk cId="3545725332" sldId="2147483696"/>
              <ac:spMk id="7" creationId="{8E3794F8-471D-4987-945F-3C29BB03AB49}"/>
            </ac:spMkLst>
          </pc:spChg>
          <pc:spChg chg="mod">
            <ac:chgData name="Anders Furuskär" userId="5c9f1a7d-b689-4c3c-9fb9-968669d3c21c" providerId="ADAL" clId="{7765E0E6-E566-4A34-A509-1F30C54C065B}" dt="2019-12-20T13:51:05.606" v="1037" actId="790"/>
            <ac:spMkLst>
              <pc:docMk/>
              <pc:sldMasterMk cId="2523064765" sldId="2147483660"/>
              <pc:sldLayoutMk cId="3545725332" sldId="2147483696"/>
              <ac:spMk id="8" creationId="{00000000-0000-0000-0000-000000000000}"/>
            </ac:spMkLst>
          </pc:spChg>
          <pc:spChg chg="mod">
            <ac:chgData name="Anders Furuskär" userId="5c9f1a7d-b689-4c3c-9fb9-968669d3c21c" providerId="ADAL" clId="{7765E0E6-E566-4A34-A509-1F30C54C065B}" dt="2019-12-20T13:58:55.115" v="1335"/>
            <ac:spMkLst>
              <pc:docMk/>
              <pc:sldMasterMk cId="2523064765" sldId="2147483660"/>
              <pc:sldLayoutMk cId="3545725332" sldId="2147483696"/>
              <ac:spMk id="9" creationId="{2C8570FA-FAA3-4EFA-A4F1-01C285AE39DE}"/>
            </ac:spMkLst>
          </pc:spChg>
          <pc:spChg chg="mod">
            <ac:chgData name="Anders Furuskär" userId="5c9f1a7d-b689-4c3c-9fb9-968669d3c21c" providerId="ADAL" clId="{7765E0E6-E566-4A34-A509-1F30C54C065B}" dt="2019-12-20T13:51:05.603" v="1035" actId="790"/>
            <ac:spMkLst>
              <pc:docMk/>
              <pc:sldMasterMk cId="2523064765" sldId="2147483660"/>
              <pc:sldLayoutMk cId="3545725332" sldId="2147483696"/>
              <ac:spMk id="10" creationId="{6B686A21-AA96-4B0A-B7CE-F4C6D5D31B32}"/>
            </ac:spMkLst>
          </pc:spChg>
          <pc:spChg chg="mod">
            <ac:chgData name="Anders Furuskär" userId="5c9f1a7d-b689-4c3c-9fb9-968669d3c21c" providerId="ADAL" clId="{7765E0E6-E566-4A34-A509-1F30C54C065B}" dt="2019-12-20T13:51:05.610" v="1040" actId="790"/>
            <ac:spMkLst>
              <pc:docMk/>
              <pc:sldMasterMk cId="2523064765" sldId="2147483660"/>
              <pc:sldLayoutMk cId="3545725332" sldId="2147483696"/>
              <ac:spMk id="12" creationId="{CABEA97C-68C1-4FF0-BE0B-B792D9655202}"/>
            </ac:spMkLst>
          </pc:spChg>
        </pc:sldLayoutChg>
        <pc:sldLayoutChg chg="modSp">
          <pc:chgData name="Anders Furuskär" userId="5c9f1a7d-b689-4c3c-9fb9-968669d3c21c" providerId="ADAL" clId="{7765E0E6-E566-4A34-A509-1F30C54C065B}" dt="2019-12-20T13:58:55.023" v="1275"/>
          <pc:sldLayoutMkLst>
            <pc:docMk/>
            <pc:sldMasterMk cId="2523064765" sldId="2147483660"/>
            <pc:sldLayoutMk cId="3551733153" sldId="2147483697"/>
          </pc:sldLayoutMkLst>
          <pc:spChg chg="mod">
            <ac:chgData name="Anders Furuskär" userId="5c9f1a7d-b689-4c3c-9fb9-968669d3c21c" providerId="ADAL" clId="{7765E0E6-E566-4A34-A509-1F30C54C065B}" dt="2019-12-20T13:51:05.482" v="947" actId="790"/>
            <ac:spMkLst>
              <pc:docMk/>
              <pc:sldMasterMk cId="2523064765" sldId="2147483660"/>
              <pc:sldLayoutMk cId="3551733153" sldId="2147483697"/>
              <ac:spMk id="3" creationId="{54D93672-2A04-4EF3-916F-2C920729FB07}"/>
            </ac:spMkLst>
          </pc:spChg>
          <pc:spChg chg="mod">
            <ac:chgData name="Anders Furuskär" userId="5c9f1a7d-b689-4c3c-9fb9-968669d3c21c" providerId="ADAL" clId="{7765E0E6-E566-4A34-A509-1F30C54C065B}" dt="2019-12-20T13:51:05.483" v="948" actId="790"/>
            <ac:spMkLst>
              <pc:docMk/>
              <pc:sldMasterMk cId="2523064765" sldId="2147483660"/>
              <pc:sldLayoutMk cId="3551733153" sldId="2147483697"/>
              <ac:spMk id="4" creationId="{00000000-0000-0000-0000-000000000000}"/>
            </ac:spMkLst>
          </pc:spChg>
          <pc:spChg chg="mod">
            <ac:chgData name="Anders Furuskär" userId="5c9f1a7d-b689-4c3c-9fb9-968669d3c21c" providerId="ADAL" clId="{7765E0E6-E566-4A34-A509-1F30C54C065B}" dt="2019-12-20T13:58:55.023" v="1275"/>
            <ac:spMkLst>
              <pc:docMk/>
              <pc:sldMasterMk cId="2523064765" sldId="2147483660"/>
              <pc:sldLayoutMk cId="3551733153" sldId="2147483697"/>
              <ac:spMk id="5" creationId="{56BFCB29-C939-4442-981C-DE6A97866D13}"/>
            </ac:spMkLst>
          </pc:spChg>
          <pc:spChg chg="mod">
            <ac:chgData name="Anders Furuskär" userId="5c9f1a7d-b689-4c3c-9fb9-968669d3c21c" providerId="ADAL" clId="{7765E0E6-E566-4A34-A509-1F30C54C065B}" dt="2019-12-20T13:51:05.485" v="950" actId="790"/>
            <ac:spMkLst>
              <pc:docMk/>
              <pc:sldMasterMk cId="2523064765" sldId="2147483660"/>
              <pc:sldLayoutMk cId="3551733153" sldId="2147483697"/>
              <ac:spMk id="7" creationId="{CDFB9A14-FAD3-478A-957D-C7B532F6669C}"/>
            </ac:spMkLst>
          </pc:spChg>
        </pc:sldLayoutChg>
        <pc:sldLayoutChg chg="modSp">
          <pc:chgData name="Anders Furuskär" userId="5c9f1a7d-b689-4c3c-9fb9-968669d3c21c" providerId="ADAL" clId="{7765E0E6-E566-4A34-A509-1F30C54C065B}" dt="2019-12-20T13:58:55.027" v="1278"/>
          <pc:sldLayoutMkLst>
            <pc:docMk/>
            <pc:sldMasterMk cId="2523064765" sldId="2147483660"/>
            <pc:sldLayoutMk cId="1673924324" sldId="2147483698"/>
          </pc:sldLayoutMkLst>
          <pc:spChg chg="mod">
            <ac:chgData name="Anders Furuskär" userId="5c9f1a7d-b689-4c3c-9fb9-968669d3c21c" providerId="ADAL" clId="{7765E0E6-E566-4A34-A509-1F30C54C065B}" dt="2019-12-20T13:51:05.486" v="951" actId="790"/>
            <ac:spMkLst>
              <pc:docMk/>
              <pc:sldMasterMk cId="2523064765" sldId="2147483660"/>
              <pc:sldLayoutMk cId="1673924324" sldId="2147483698"/>
              <ac:spMk id="3" creationId="{54D93672-2A04-4EF3-916F-2C920729FB07}"/>
            </ac:spMkLst>
          </pc:spChg>
          <pc:spChg chg="mod">
            <ac:chgData name="Anders Furuskär" userId="5c9f1a7d-b689-4c3c-9fb9-968669d3c21c" providerId="ADAL" clId="{7765E0E6-E566-4A34-A509-1F30C54C065B}" dt="2019-12-20T13:51:05.487" v="952" actId="790"/>
            <ac:spMkLst>
              <pc:docMk/>
              <pc:sldMasterMk cId="2523064765" sldId="2147483660"/>
              <pc:sldLayoutMk cId="1673924324" sldId="2147483698"/>
              <ac:spMk id="4" creationId="{00000000-0000-0000-0000-000000000000}"/>
            </ac:spMkLst>
          </pc:spChg>
          <pc:spChg chg="mod">
            <ac:chgData name="Anders Furuskär" userId="5c9f1a7d-b689-4c3c-9fb9-968669d3c21c" providerId="ADAL" clId="{7765E0E6-E566-4A34-A509-1F30C54C065B}" dt="2019-12-20T13:58:55.027" v="1278"/>
            <ac:spMkLst>
              <pc:docMk/>
              <pc:sldMasterMk cId="2523064765" sldId="2147483660"/>
              <pc:sldLayoutMk cId="1673924324" sldId="2147483698"/>
              <ac:spMk id="5" creationId="{D4262351-4A54-4EAA-990E-D909E1CAD758}"/>
            </ac:spMkLst>
          </pc:spChg>
          <pc:spChg chg="mod">
            <ac:chgData name="Anders Furuskär" userId="5c9f1a7d-b689-4c3c-9fb9-968669d3c21c" providerId="ADAL" clId="{7765E0E6-E566-4A34-A509-1F30C54C065B}" dt="2019-12-20T13:51:05.490" v="954" actId="790"/>
            <ac:spMkLst>
              <pc:docMk/>
              <pc:sldMasterMk cId="2523064765" sldId="2147483660"/>
              <pc:sldLayoutMk cId="1673924324" sldId="2147483698"/>
              <ac:spMk id="7" creationId="{26AD250A-4DBC-40DE-AFFC-E7624FE87538}"/>
            </ac:spMkLst>
          </pc:spChg>
        </pc:sldLayoutChg>
        <pc:sldLayoutChg chg="modSp">
          <pc:chgData name="Anders Furuskär" userId="5c9f1a7d-b689-4c3c-9fb9-968669d3c21c" providerId="ADAL" clId="{7765E0E6-E566-4A34-A509-1F30C54C065B}" dt="2019-12-20T13:58:55.033" v="1281"/>
          <pc:sldLayoutMkLst>
            <pc:docMk/>
            <pc:sldMasterMk cId="2523064765" sldId="2147483660"/>
            <pc:sldLayoutMk cId="1526597446" sldId="2147483699"/>
          </pc:sldLayoutMkLst>
          <pc:spChg chg="mod">
            <ac:chgData name="Anders Furuskär" userId="5c9f1a7d-b689-4c3c-9fb9-968669d3c21c" providerId="ADAL" clId="{7765E0E6-E566-4A34-A509-1F30C54C065B}" dt="2019-12-20T13:51:05.491" v="955" actId="790"/>
            <ac:spMkLst>
              <pc:docMk/>
              <pc:sldMasterMk cId="2523064765" sldId="2147483660"/>
              <pc:sldLayoutMk cId="1526597446" sldId="2147483699"/>
              <ac:spMk id="3" creationId="{54D93672-2A04-4EF3-916F-2C920729FB07}"/>
            </ac:spMkLst>
          </pc:spChg>
          <pc:spChg chg="mod">
            <ac:chgData name="Anders Furuskär" userId="5c9f1a7d-b689-4c3c-9fb9-968669d3c21c" providerId="ADAL" clId="{7765E0E6-E566-4A34-A509-1F30C54C065B}" dt="2019-12-20T13:51:05.492" v="956" actId="790"/>
            <ac:spMkLst>
              <pc:docMk/>
              <pc:sldMasterMk cId="2523064765" sldId="2147483660"/>
              <pc:sldLayoutMk cId="1526597446" sldId="2147483699"/>
              <ac:spMk id="4" creationId="{00000000-0000-0000-0000-000000000000}"/>
            </ac:spMkLst>
          </pc:spChg>
          <pc:spChg chg="mod">
            <ac:chgData name="Anders Furuskär" userId="5c9f1a7d-b689-4c3c-9fb9-968669d3c21c" providerId="ADAL" clId="{7765E0E6-E566-4A34-A509-1F30C54C065B}" dt="2019-12-20T13:58:55.033" v="1281"/>
            <ac:spMkLst>
              <pc:docMk/>
              <pc:sldMasterMk cId="2523064765" sldId="2147483660"/>
              <pc:sldLayoutMk cId="1526597446" sldId="2147483699"/>
              <ac:spMk id="5" creationId="{128B6DA1-0170-4C5B-ABCB-83F1E4B0ECBB}"/>
            </ac:spMkLst>
          </pc:spChg>
          <pc:spChg chg="mod">
            <ac:chgData name="Anders Furuskär" userId="5c9f1a7d-b689-4c3c-9fb9-968669d3c21c" providerId="ADAL" clId="{7765E0E6-E566-4A34-A509-1F30C54C065B}" dt="2019-12-20T13:51:05.494" v="958" actId="790"/>
            <ac:spMkLst>
              <pc:docMk/>
              <pc:sldMasterMk cId="2523064765" sldId="2147483660"/>
              <pc:sldLayoutMk cId="1526597446" sldId="2147483699"/>
              <ac:spMk id="7" creationId="{1DDC2944-9064-423F-8989-C84E9A8FA793}"/>
            </ac:spMkLst>
          </pc:spChg>
        </pc:sldLayoutChg>
        <pc:sldLayoutChg chg="modSp">
          <pc:chgData name="Anders Furuskär" userId="5c9f1a7d-b689-4c3c-9fb9-968669d3c21c" providerId="ADAL" clId="{7765E0E6-E566-4A34-A509-1F30C54C065B}" dt="2019-12-20T13:58:55.038" v="1284"/>
          <pc:sldLayoutMkLst>
            <pc:docMk/>
            <pc:sldMasterMk cId="2523064765" sldId="2147483660"/>
            <pc:sldLayoutMk cId="2476838218" sldId="2147483700"/>
          </pc:sldLayoutMkLst>
          <pc:spChg chg="mod">
            <ac:chgData name="Anders Furuskär" userId="5c9f1a7d-b689-4c3c-9fb9-968669d3c21c" providerId="ADAL" clId="{7765E0E6-E566-4A34-A509-1F30C54C065B}" dt="2019-12-20T13:51:05.495" v="959" actId="790"/>
            <ac:spMkLst>
              <pc:docMk/>
              <pc:sldMasterMk cId="2523064765" sldId="2147483660"/>
              <pc:sldLayoutMk cId="2476838218" sldId="2147483700"/>
              <ac:spMk id="3" creationId="{54D93672-2A04-4EF3-916F-2C920729FB07}"/>
            </ac:spMkLst>
          </pc:spChg>
          <pc:spChg chg="mod">
            <ac:chgData name="Anders Furuskär" userId="5c9f1a7d-b689-4c3c-9fb9-968669d3c21c" providerId="ADAL" clId="{7765E0E6-E566-4A34-A509-1F30C54C065B}" dt="2019-12-20T13:51:05.496" v="960" actId="790"/>
            <ac:spMkLst>
              <pc:docMk/>
              <pc:sldMasterMk cId="2523064765" sldId="2147483660"/>
              <pc:sldLayoutMk cId="2476838218" sldId="2147483700"/>
              <ac:spMk id="4" creationId="{00000000-0000-0000-0000-000000000000}"/>
            </ac:spMkLst>
          </pc:spChg>
          <pc:spChg chg="mod">
            <ac:chgData name="Anders Furuskär" userId="5c9f1a7d-b689-4c3c-9fb9-968669d3c21c" providerId="ADAL" clId="{7765E0E6-E566-4A34-A509-1F30C54C065B}" dt="2019-12-20T13:58:55.038" v="1284"/>
            <ac:spMkLst>
              <pc:docMk/>
              <pc:sldMasterMk cId="2523064765" sldId="2147483660"/>
              <pc:sldLayoutMk cId="2476838218" sldId="2147483700"/>
              <ac:spMk id="5" creationId="{8F93BC53-EE81-4467-94F1-401BB6631310}"/>
            </ac:spMkLst>
          </pc:spChg>
          <pc:spChg chg="mod">
            <ac:chgData name="Anders Furuskär" userId="5c9f1a7d-b689-4c3c-9fb9-968669d3c21c" providerId="ADAL" clId="{7765E0E6-E566-4A34-A509-1F30C54C065B}" dt="2019-12-20T13:51:05.499" v="962" actId="790"/>
            <ac:spMkLst>
              <pc:docMk/>
              <pc:sldMasterMk cId="2523064765" sldId="2147483660"/>
              <pc:sldLayoutMk cId="2476838218" sldId="2147483700"/>
              <ac:spMk id="7" creationId="{28FE6F9E-68CB-4EDC-92EF-E3371EEA23DA}"/>
            </ac:spMkLst>
          </pc:spChg>
        </pc:sldLayoutChg>
        <pc:sldLayoutChg chg="modSp">
          <pc:chgData name="Anders Furuskär" userId="5c9f1a7d-b689-4c3c-9fb9-968669d3c21c" providerId="ADAL" clId="{7765E0E6-E566-4A34-A509-1F30C54C065B}" dt="2019-12-20T13:58:55.042" v="1287"/>
          <pc:sldLayoutMkLst>
            <pc:docMk/>
            <pc:sldMasterMk cId="2523064765" sldId="2147483660"/>
            <pc:sldLayoutMk cId="3501140641" sldId="2147483701"/>
          </pc:sldLayoutMkLst>
          <pc:spChg chg="mod">
            <ac:chgData name="Anders Furuskär" userId="5c9f1a7d-b689-4c3c-9fb9-968669d3c21c" providerId="ADAL" clId="{7765E0E6-E566-4A34-A509-1F30C54C065B}" dt="2019-12-20T13:51:05.500" v="963" actId="790"/>
            <ac:spMkLst>
              <pc:docMk/>
              <pc:sldMasterMk cId="2523064765" sldId="2147483660"/>
              <pc:sldLayoutMk cId="3501140641" sldId="2147483701"/>
              <ac:spMk id="3" creationId="{54D93672-2A04-4EF3-916F-2C920729FB07}"/>
            </ac:spMkLst>
          </pc:spChg>
          <pc:spChg chg="mod">
            <ac:chgData name="Anders Furuskär" userId="5c9f1a7d-b689-4c3c-9fb9-968669d3c21c" providerId="ADAL" clId="{7765E0E6-E566-4A34-A509-1F30C54C065B}" dt="2019-12-20T13:51:05.501" v="964" actId="790"/>
            <ac:spMkLst>
              <pc:docMk/>
              <pc:sldMasterMk cId="2523064765" sldId="2147483660"/>
              <pc:sldLayoutMk cId="3501140641" sldId="2147483701"/>
              <ac:spMk id="4" creationId="{00000000-0000-0000-0000-000000000000}"/>
            </ac:spMkLst>
          </pc:spChg>
          <pc:spChg chg="mod">
            <ac:chgData name="Anders Furuskär" userId="5c9f1a7d-b689-4c3c-9fb9-968669d3c21c" providerId="ADAL" clId="{7765E0E6-E566-4A34-A509-1F30C54C065B}" dt="2019-12-20T13:58:55.042" v="1287"/>
            <ac:spMkLst>
              <pc:docMk/>
              <pc:sldMasterMk cId="2523064765" sldId="2147483660"/>
              <pc:sldLayoutMk cId="3501140641" sldId="2147483701"/>
              <ac:spMk id="5" creationId="{064BC3BB-EB1F-4C03-845A-197D7CB3D7FF}"/>
            </ac:spMkLst>
          </pc:spChg>
          <pc:spChg chg="mod">
            <ac:chgData name="Anders Furuskär" userId="5c9f1a7d-b689-4c3c-9fb9-968669d3c21c" providerId="ADAL" clId="{7765E0E6-E566-4A34-A509-1F30C54C065B}" dt="2019-12-20T13:51:05.504" v="966" actId="790"/>
            <ac:spMkLst>
              <pc:docMk/>
              <pc:sldMasterMk cId="2523064765" sldId="2147483660"/>
              <pc:sldLayoutMk cId="3501140641" sldId="2147483701"/>
              <ac:spMk id="7" creationId="{10F60CD3-0F2D-42D6-B39D-C861213831E0}"/>
            </ac:spMkLst>
          </pc:spChg>
        </pc:sldLayoutChg>
        <pc:sldLayoutChg chg="modSp">
          <pc:chgData name="Anders Furuskär" userId="5c9f1a7d-b689-4c3c-9fb9-968669d3c21c" providerId="ADAL" clId="{7765E0E6-E566-4A34-A509-1F30C54C065B}" dt="2019-12-20T13:58:55.048" v="1290"/>
          <pc:sldLayoutMkLst>
            <pc:docMk/>
            <pc:sldMasterMk cId="2523064765" sldId="2147483660"/>
            <pc:sldLayoutMk cId="4094464793" sldId="2147483702"/>
          </pc:sldLayoutMkLst>
          <pc:spChg chg="mod">
            <ac:chgData name="Anders Furuskär" userId="5c9f1a7d-b689-4c3c-9fb9-968669d3c21c" providerId="ADAL" clId="{7765E0E6-E566-4A34-A509-1F30C54C065B}" dt="2019-12-20T13:51:05.505" v="967" actId="790"/>
            <ac:spMkLst>
              <pc:docMk/>
              <pc:sldMasterMk cId="2523064765" sldId="2147483660"/>
              <pc:sldLayoutMk cId="4094464793" sldId="2147483702"/>
              <ac:spMk id="3" creationId="{54D93672-2A04-4EF3-916F-2C920729FB07}"/>
            </ac:spMkLst>
          </pc:spChg>
          <pc:spChg chg="mod">
            <ac:chgData name="Anders Furuskär" userId="5c9f1a7d-b689-4c3c-9fb9-968669d3c21c" providerId="ADAL" clId="{7765E0E6-E566-4A34-A509-1F30C54C065B}" dt="2019-12-20T13:51:05.505" v="968" actId="790"/>
            <ac:spMkLst>
              <pc:docMk/>
              <pc:sldMasterMk cId="2523064765" sldId="2147483660"/>
              <pc:sldLayoutMk cId="4094464793" sldId="2147483702"/>
              <ac:spMk id="4" creationId="{00000000-0000-0000-0000-000000000000}"/>
            </ac:spMkLst>
          </pc:spChg>
          <pc:spChg chg="mod">
            <ac:chgData name="Anders Furuskär" userId="5c9f1a7d-b689-4c3c-9fb9-968669d3c21c" providerId="ADAL" clId="{7765E0E6-E566-4A34-A509-1F30C54C065B}" dt="2019-12-20T13:58:55.048" v="1290"/>
            <ac:spMkLst>
              <pc:docMk/>
              <pc:sldMasterMk cId="2523064765" sldId="2147483660"/>
              <pc:sldLayoutMk cId="4094464793" sldId="2147483702"/>
              <ac:spMk id="5" creationId="{EE432ACF-022C-4E4D-A91E-50BCA41421CC}"/>
            </ac:spMkLst>
          </pc:spChg>
          <pc:spChg chg="mod">
            <ac:chgData name="Anders Furuskär" userId="5c9f1a7d-b689-4c3c-9fb9-968669d3c21c" providerId="ADAL" clId="{7765E0E6-E566-4A34-A509-1F30C54C065B}" dt="2019-12-20T13:51:05.508" v="970" actId="790"/>
            <ac:spMkLst>
              <pc:docMk/>
              <pc:sldMasterMk cId="2523064765" sldId="2147483660"/>
              <pc:sldLayoutMk cId="4094464793" sldId="2147483702"/>
              <ac:spMk id="7" creationId="{5B4E638F-9BC6-4741-A3D8-E259C93F0F0D}"/>
            </ac:spMkLst>
          </pc:spChg>
        </pc:sldLayoutChg>
        <pc:sldLayoutChg chg="modSp">
          <pc:chgData name="Anders Furuskär" userId="5c9f1a7d-b689-4c3c-9fb9-968669d3c21c" providerId="ADAL" clId="{7765E0E6-E566-4A34-A509-1F30C54C065B}" dt="2019-12-20T13:58:55.052" v="1293"/>
          <pc:sldLayoutMkLst>
            <pc:docMk/>
            <pc:sldMasterMk cId="2523064765" sldId="2147483660"/>
            <pc:sldLayoutMk cId="3745137931" sldId="2147483703"/>
          </pc:sldLayoutMkLst>
          <pc:spChg chg="mod">
            <ac:chgData name="Anders Furuskär" userId="5c9f1a7d-b689-4c3c-9fb9-968669d3c21c" providerId="ADAL" clId="{7765E0E6-E566-4A34-A509-1F30C54C065B}" dt="2019-12-20T13:51:05.509" v="971" actId="790"/>
            <ac:spMkLst>
              <pc:docMk/>
              <pc:sldMasterMk cId="2523064765" sldId="2147483660"/>
              <pc:sldLayoutMk cId="3745137931" sldId="2147483703"/>
              <ac:spMk id="3" creationId="{54D93672-2A04-4EF3-916F-2C920729FB07}"/>
            </ac:spMkLst>
          </pc:spChg>
          <pc:spChg chg="mod">
            <ac:chgData name="Anders Furuskär" userId="5c9f1a7d-b689-4c3c-9fb9-968669d3c21c" providerId="ADAL" clId="{7765E0E6-E566-4A34-A509-1F30C54C065B}" dt="2019-12-20T13:51:05.510" v="972" actId="790"/>
            <ac:spMkLst>
              <pc:docMk/>
              <pc:sldMasterMk cId="2523064765" sldId="2147483660"/>
              <pc:sldLayoutMk cId="3745137931" sldId="2147483703"/>
              <ac:spMk id="4" creationId="{00000000-0000-0000-0000-000000000000}"/>
            </ac:spMkLst>
          </pc:spChg>
          <pc:spChg chg="mod">
            <ac:chgData name="Anders Furuskär" userId="5c9f1a7d-b689-4c3c-9fb9-968669d3c21c" providerId="ADAL" clId="{7765E0E6-E566-4A34-A509-1F30C54C065B}" dt="2019-12-20T13:58:55.052" v="1293"/>
            <ac:spMkLst>
              <pc:docMk/>
              <pc:sldMasterMk cId="2523064765" sldId="2147483660"/>
              <pc:sldLayoutMk cId="3745137931" sldId="2147483703"/>
              <ac:spMk id="5" creationId="{8A859F72-32B2-47EB-8CB5-BCF639CDADF5}"/>
            </ac:spMkLst>
          </pc:spChg>
          <pc:spChg chg="mod">
            <ac:chgData name="Anders Furuskär" userId="5c9f1a7d-b689-4c3c-9fb9-968669d3c21c" providerId="ADAL" clId="{7765E0E6-E566-4A34-A509-1F30C54C065B}" dt="2019-12-20T13:51:05.513" v="974" actId="790"/>
            <ac:spMkLst>
              <pc:docMk/>
              <pc:sldMasterMk cId="2523064765" sldId="2147483660"/>
              <pc:sldLayoutMk cId="3745137931" sldId="2147483703"/>
              <ac:spMk id="7" creationId="{4EDD5C80-CD72-4597-8F70-395B8174120F}"/>
            </ac:spMkLst>
          </pc:spChg>
        </pc:sldLayoutChg>
        <pc:sldLayoutChg chg="modSp">
          <pc:chgData name="Anders Furuskär" userId="5c9f1a7d-b689-4c3c-9fb9-968669d3c21c" providerId="ADAL" clId="{7765E0E6-E566-4A34-A509-1F30C54C065B}" dt="2019-12-20T13:51:05.681" v="1088" actId="790"/>
          <pc:sldLayoutMkLst>
            <pc:docMk/>
            <pc:sldMasterMk cId="2523064765" sldId="2147483660"/>
            <pc:sldLayoutMk cId="685361043" sldId="2147483704"/>
          </pc:sldLayoutMkLst>
          <pc:spChg chg="mod">
            <ac:chgData name="Anders Furuskär" userId="5c9f1a7d-b689-4c3c-9fb9-968669d3c21c" providerId="ADAL" clId="{7765E0E6-E566-4A34-A509-1F30C54C065B}" dt="2019-12-20T13:51:05.679" v="1087" actId="790"/>
            <ac:spMkLst>
              <pc:docMk/>
              <pc:sldMasterMk cId="2523064765" sldId="2147483660"/>
              <pc:sldLayoutMk cId="685361043" sldId="2147483704"/>
              <ac:spMk id="2" creationId="{BAEBC62E-40C0-43CF-98DC-55F7A1D1FD31}"/>
            </ac:spMkLst>
          </pc:spChg>
          <pc:spChg chg="mod">
            <ac:chgData name="Anders Furuskär" userId="5c9f1a7d-b689-4c3c-9fb9-968669d3c21c" providerId="ADAL" clId="{7765E0E6-E566-4A34-A509-1F30C54C065B}" dt="2019-12-20T13:51:05.681" v="1088" actId="790"/>
            <ac:spMkLst>
              <pc:docMk/>
              <pc:sldMasterMk cId="2523064765" sldId="2147483660"/>
              <pc:sldLayoutMk cId="685361043" sldId="2147483704"/>
              <ac:spMk id="9" creationId="{B200748E-0B61-48E1-8B47-504C30250995}"/>
            </ac:spMkLst>
          </pc:spChg>
        </pc:sldLayoutChg>
        <pc:sldLayoutChg chg="modSp">
          <pc:chgData name="Anders Furuskär" userId="5c9f1a7d-b689-4c3c-9fb9-968669d3c21c" providerId="ADAL" clId="{7765E0E6-E566-4A34-A509-1F30C54C065B}" dt="2019-12-20T13:51:05.693" v="1089" actId="790"/>
          <pc:sldLayoutMkLst>
            <pc:docMk/>
            <pc:sldMasterMk cId="2523064765" sldId="2147483660"/>
            <pc:sldLayoutMk cId="1410470591" sldId="2147483705"/>
          </pc:sldLayoutMkLst>
          <pc:spChg chg="mod">
            <ac:chgData name="Anders Furuskär" userId="5c9f1a7d-b689-4c3c-9fb9-968669d3c21c" providerId="ADAL" clId="{7765E0E6-E566-4A34-A509-1F30C54C065B}" dt="2019-12-20T13:51:05.693" v="1089" actId="790"/>
            <ac:spMkLst>
              <pc:docMk/>
              <pc:sldMasterMk cId="2523064765" sldId="2147483660"/>
              <pc:sldLayoutMk cId="1410470591" sldId="2147483705"/>
              <ac:spMk id="5" creationId="{99AF35DD-3E5E-42CB-AFA5-5E09E14F72A4}"/>
            </ac:spMkLst>
          </pc:spChg>
        </pc:sldLayoutChg>
        <pc:sldLayoutChg chg="modSp">
          <pc:chgData name="Anders Furuskär" userId="5c9f1a7d-b689-4c3c-9fb9-968669d3c21c" providerId="ADAL" clId="{7765E0E6-E566-4A34-A509-1F30C54C065B}" dt="2019-12-20T13:58:55.059" v="1299"/>
          <pc:sldLayoutMkLst>
            <pc:docMk/>
            <pc:sldMasterMk cId="2523064765" sldId="2147483660"/>
            <pc:sldLayoutMk cId="3443338964" sldId="2147483706"/>
          </pc:sldLayoutMkLst>
          <pc:spChg chg="mod">
            <ac:chgData name="Anders Furuskär" userId="5c9f1a7d-b689-4c3c-9fb9-968669d3c21c" providerId="ADAL" clId="{7765E0E6-E566-4A34-A509-1F30C54C065B}" dt="2019-12-20T13:51:05.522" v="980" actId="790"/>
            <ac:spMkLst>
              <pc:docMk/>
              <pc:sldMasterMk cId="2523064765" sldId="2147483660"/>
              <pc:sldLayoutMk cId="3443338964" sldId="2147483706"/>
              <ac:spMk id="3" creationId="{810CFEFC-6AC8-4817-A0D3-6029D48BD293}"/>
            </ac:spMkLst>
          </pc:spChg>
          <pc:spChg chg="mod">
            <ac:chgData name="Anders Furuskär" userId="5c9f1a7d-b689-4c3c-9fb9-968669d3c21c" providerId="ADAL" clId="{7765E0E6-E566-4A34-A509-1F30C54C065B}" dt="2019-12-20T13:51:05.520" v="979" actId="790"/>
            <ac:spMkLst>
              <pc:docMk/>
              <pc:sldMasterMk cId="2523064765" sldId="2147483660"/>
              <pc:sldLayoutMk cId="3443338964" sldId="2147483706"/>
              <ac:spMk id="5" creationId="{00000000-0000-0000-0000-000000000000}"/>
            </ac:spMkLst>
          </pc:spChg>
          <pc:spChg chg="mod">
            <ac:chgData name="Anders Furuskär" userId="5c9f1a7d-b689-4c3c-9fb9-968669d3c21c" providerId="ADAL" clId="{7765E0E6-E566-4A34-A509-1F30C54C065B}" dt="2019-12-20T13:58:55.059" v="1299"/>
            <ac:spMkLst>
              <pc:docMk/>
              <pc:sldMasterMk cId="2523064765" sldId="2147483660"/>
              <pc:sldLayoutMk cId="3443338964" sldId="2147483706"/>
              <ac:spMk id="8" creationId="{C2AD0284-E6BA-49D8-AB3F-D94DBB1D54F0}"/>
            </ac:spMkLst>
          </pc:spChg>
          <pc:spChg chg="mod">
            <ac:chgData name="Anders Furuskär" userId="5c9f1a7d-b689-4c3c-9fb9-968669d3c21c" providerId="ADAL" clId="{7765E0E6-E566-4A34-A509-1F30C54C065B}" dt="2019-12-20T13:51:05.524" v="982" actId="790"/>
            <ac:spMkLst>
              <pc:docMk/>
              <pc:sldMasterMk cId="2523064765" sldId="2147483660"/>
              <pc:sldLayoutMk cId="3443338964" sldId="2147483706"/>
              <ac:spMk id="11" creationId="{87C4DFC4-62BA-4C52-B36B-44A75684A81F}"/>
            </ac:spMkLst>
          </pc:spChg>
        </pc:sldLayoutChg>
      </pc:sldMasterChg>
    </pc:docChg>
  </pc:docChgLst>
  <pc:docChgLst>
    <pc:chgData name="Anders Furuskär" userId="5c9f1a7d-b689-4c3c-9fb9-968669d3c21c" providerId="ADAL" clId="{F9FAD9AE-6342-434D-965D-0DE7D3FBD558}"/>
    <pc:docChg chg="undo custSel addSld modSld sldOrd modMainMaster">
      <pc:chgData name="Anders Furuskär" userId="5c9f1a7d-b689-4c3c-9fb9-968669d3c21c" providerId="ADAL" clId="{F9FAD9AE-6342-434D-965D-0DE7D3FBD558}" dt="2020-01-10T08:02:52.069" v="2277"/>
      <pc:docMkLst>
        <pc:docMk/>
      </pc:docMkLst>
      <pc:sldChg chg="modSp">
        <pc:chgData name="Anders Furuskär" userId="5c9f1a7d-b689-4c3c-9fb9-968669d3c21c" providerId="ADAL" clId="{F9FAD9AE-6342-434D-965D-0DE7D3FBD558}" dt="2020-01-10T08:02:51.629" v="1941" actId="790"/>
        <pc:sldMkLst>
          <pc:docMk/>
          <pc:sldMk cId="1383928708" sldId="261"/>
        </pc:sldMkLst>
        <pc:spChg chg="mod">
          <ac:chgData name="Anders Furuskär" userId="5c9f1a7d-b689-4c3c-9fb9-968669d3c21c" providerId="ADAL" clId="{F9FAD9AE-6342-434D-965D-0DE7D3FBD558}" dt="2020-01-10T08:02:51.629" v="1941" actId="790"/>
          <ac:spMkLst>
            <pc:docMk/>
            <pc:sldMk cId="1383928708" sldId="261"/>
            <ac:spMk id="4" creationId="{6FF69E04-8523-4965-90ED-73D4F9BAE271}"/>
          </ac:spMkLst>
        </pc:spChg>
      </pc:sldChg>
      <pc:sldChg chg="modSp">
        <pc:chgData name="Anders Furuskär" userId="5c9f1a7d-b689-4c3c-9fb9-968669d3c21c" providerId="ADAL" clId="{F9FAD9AE-6342-434D-965D-0DE7D3FBD558}" dt="2020-01-10T08:02:51.567" v="1900" actId="790"/>
        <pc:sldMkLst>
          <pc:docMk/>
          <pc:sldMk cId="3709959988" sldId="270"/>
        </pc:sldMkLst>
        <pc:spChg chg="mod">
          <ac:chgData name="Anders Furuskär" userId="5c9f1a7d-b689-4c3c-9fb9-968669d3c21c" providerId="ADAL" clId="{F9FAD9AE-6342-434D-965D-0DE7D3FBD558}" dt="2020-01-10T08:02:51.564" v="1899" actId="790"/>
          <ac:spMkLst>
            <pc:docMk/>
            <pc:sldMk cId="3709959988" sldId="270"/>
            <ac:spMk id="4" creationId="{EA7D4468-58D5-40D1-8182-8FDBCEF777E1}"/>
          </ac:spMkLst>
        </pc:spChg>
        <pc:spChg chg="mod">
          <ac:chgData name="Anders Furuskär" userId="5c9f1a7d-b689-4c3c-9fb9-968669d3c21c" providerId="ADAL" clId="{F9FAD9AE-6342-434D-965D-0DE7D3FBD558}" dt="2020-01-10T08:02:51.567" v="1900" actId="790"/>
          <ac:spMkLst>
            <pc:docMk/>
            <pc:sldMk cId="3709959988" sldId="270"/>
            <ac:spMk id="5" creationId="{393A08AF-E8DD-44C5-A85C-B1192DD283A4}"/>
          </ac:spMkLst>
        </pc:spChg>
      </pc:sldChg>
      <pc:sldChg chg="modSp">
        <pc:chgData name="Anders Furuskär" userId="5c9f1a7d-b689-4c3c-9fb9-968669d3c21c" providerId="ADAL" clId="{F9FAD9AE-6342-434D-965D-0DE7D3FBD558}" dt="2020-01-10T08:02:51.564" v="1898" actId="790"/>
        <pc:sldMkLst>
          <pc:docMk/>
          <pc:sldMk cId="2230748882" sldId="271"/>
        </pc:sldMkLst>
        <pc:spChg chg="mod">
          <ac:chgData name="Anders Furuskär" userId="5c9f1a7d-b689-4c3c-9fb9-968669d3c21c" providerId="ADAL" clId="{F9FAD9AE-6342-434D-965D-0DE7D3FBD558}" dt="2020-01-10T08:02:51.560" v="1893" actId="790"/>
          <ac:spMkLst>
            <pc:docMk/>
            <pc:sldMk cId="2230748882" sldId="271"/>
            <ac:spMk id="2" creationId="{F54D311D-2157-4A35-9F56-0E8FE9FDD7BC}"/>
          </ac:spMkLst>
        </pc:spChg>
        <pc:spChg chg="mod">
          <ac:chgData name="Anders Furuskär" userId="5c9f1a7d-b689-4c3c-9fb9-968669d3c21c" providerId="ADAL" clId="{F9FAD9AE-6342-434D-965D-0DE7D3FBD558}" dt="2020-01-10T08:02:51.561" v="1894" actId="790"/>
          <ac:spMkLst>
            <pc:docMk/>
            <pc:sldMk cId="2230748882" sldId="271"/>
            <ac:spMk id="3" creationId="{17D5CE7D-CCF0-44B0-843A-8D46859C44EE}"/>
          </ac:spMkLst>
        </pc:spChg>
        <pc:spChg chg="mod">
          <ac:chgData name="Anders Furuskär" userId="5c9f1a7d-b689-4c3c-9fb9-968669d3c21c" providerId="ADAL" clId="{F9FAD9AE-6342-434D-965D-0DE7D3FBD558}" dt="2020-01-10T08:02:51.562" v="1895" actId="790"/>
          <ac:spMkLst>
            <pc:docMk/>
            <pc:sldMk cId="2230748882" sldId="271"/>
            <ac:spMk id="4" creationId="{6A927E07-3624-45B8-934B-C229726CA813}"/>
          </ac:spMkLst>
        </pc:spChg>
        <pc:spChg chg="mod">
          <ac:chgData name="Anders Furuskär" userId="5c9f1a7d-b689-4c3c-9fb9-968669d3c21c" providerId="ADAL" clId="{F9FAD9AE-6342-434D-965D-0DE7D3FBD558}" dt="2020-01-10T08:02:51.562" v="1896" actId="790"/>
          <ac:spMkLst>
            <pc:docMk/>
            <pc:sldMk cId="2230748882" sldId="271"/>
            <ac:spMk id="5" creationId="{0D8DE8B4-7BAB-4C18-A0E5-01D3A11D374F}"/>
          </ac:spMkLst>
        </pc:spChg>
        <pc:spChg chg="mod">
          <ac:chgData name="Anders Furuskär" userId="5c9f1a7d-b689-4c3c-9fb9-968669d3c21c" providerId="ADAL" clId="{F9FAD9AE-6342-434D-965D-0DE7D3FBD558}" dt="2020-01-10T08:02:51.563" v="1897" actId="790"/>
          <ac:spMkLst>
            <pc:docMk/>
            <pc:sldMk cId="2230748882" sldId="271"/>
            <ac:spMk id="6" creationId="{327EB691-17C6-4220-AA5E-2F3518AF8CC2}"/>
          </ac:spMkLst>
        </pc:spChg>
        <pc:spChg chg="mod">
          <ac:chgData name="Anders Furuskär" userId="5c9f1a7d-b689-4c3c-9fb9-968669d3c21c" providerId="ADAL" clId="{F9FAD9AE-6342-434D-965D-0DE7D3FBD558}" dt="2020-01-10T08:02:51.564" v="1898" actId="790"/>
          <ac:spMkLst>
            <pc:docMk/>
            <pc:sldMk cId="2230748882" sldId="271"/>
            <ac:spMk id="7" creationId="{0BF70DC3-66C9-451C-917E-BA44956D1DBD}"/>
          </ac:spMkLst>
        </pc:spChg>
      </pc:sldChg>
      <pc:sldChg chg="modSp">
        <pc:chgData name="Anders Furuskär" userId="5c9f1a7d-b689-4c3c-9fb9-968669d3c21c" providerId="ADAL" clId="{F9FAD9AE-6342-434D-965D-0DE7D3FBD558}" dt="2020-01-10T08:02:51.604" v="1924" actId="790"/>
        <pc:sldMkLst>
          <pc:docMk/>
          <pc:sldMk cId="1326196502" sldId="273"/>
        </pc:sldMkLst>
        <pc:spChg chg="mod">
          <ac:chgData name="Anders Furuskär" userId="5c9f1a7d-b689-4c3c-9fb9-968669d3c21c" providerId="ADAL" clId="{F9FAD9AE-6342-434D-965D-0DE7D3FBD558}" dt="2020-01-10T08:02:51.601" v="1919" actId="790"/>
          <ac:spMkLst>
            <pc:docMk/>
            <pc:sldMk cId="1326196502" sldId="273"/>
            <ac:spMk id="2" creationId="{F54D311D-2157-4A35-9F56-0E8FE9FDD7BC}"/>
          </ac:spMkLst>
        </pc:spChg>
        <pc:spChg chg="mod">
          <ac:chgData name="Anders Furuskär" userId="5c9f1a7d-b689-4c3c-9fb9-968669d3c21c" providerId="ADAL" clId="{F9FAD9AE-6342-434D-965D-0DE7D3FBD558}" dt="2020-01-10T08:02:51.602" v="1920" actId="790"/>
          <ac:spMkLst>
            <pc:docMk/>
            <pc:sldMk cId="1326196502" sldId="273"/>
            <ac:spMk id="3" creationId="{17D5CE7D-CCF0-44B0-843A-8D46859C44EE}"/>
          </ac:spMkLst>
        </pc:spChg>
        <pc:spChg chg="mod">
          <ac:chgData name="Anders Furuskär" userId="5c9f1a7d-b689-4c3c-9fb9-968669d3c21c" providerId="ADAL" clId="{F9FAD9AE-6342-434D-965D-0DE7D3FBD558}" dt="2020-01-10T08:02:51.602" v="1921" actId="790"/>
          <ac:spMkLst>
            <pc:docMk/>
            <pc:sldMk cId="1326196502" sldId="273"/>
            <ac:spMk id="4" creationId="{6A927E07-3624-45B8-934B-C229726CA813}"/>
          </ac:spMkLst>
        </pc:spChg>
        <pc:spChg chg="mod">
          <ac:chgData name="Anders Furuskär" userId="5c9f1a7d-b689-4c3c-9fb9-968669d3c21c" providerId="ADAL" clId="{F9FAD9AE-6342-434D-965D-0DE7D3FBD558}" dt="2020-01-10T08:02:51.603" v="1922" actId="790"/>
          <ac:spMkLst>
            <pc:docMk/>
            <pc:sldMk cId="1326196502" sldId="273"/>
            <ac:spMk id="5" creationId="{0D8DE8B4-7BAB-4C18-A0E5-01D3A11D374F}"/>
          </ac:spMkLst>
        </pc:spChg>
        <pc:spChg chg="mod">
          <ac:chgData name="Anders Furuskär" userId="5c9f1a7d-b689-4c3c-9fb9-968669d3c21c" providerId="ADAL" clId="{F9FAD9AE-6342-434D-965D-0DE7D3FBD558}" dt="2020-01-10T08:02:51.604" v="1923" actId="790"/>
          <ac:spMkLst>
            <pc:docMk/>
            <pc:sldMk cId="1326196502" sldId="273"/>
            <ac:spMk id="6" creationId="{327EB691-17C6-4220-AA5E-2F3518AF8CC2}"/>
          </ac:spMkLst>
        </pc:spChg>
        <pc:spChg chg="mod">
          <ac:chgData name="Anders Furuskär" userId="5c9f1a7d-b689-4c3c-9fb9-968669d3c21c" providerId="ADAL" clId="{F9FAD9AE-6342-434D-965D-0DE7D3FBD558}" dt="2020-01-10T08:02:51.604" v="1924" actId="790"/>
          <ac:spMkLst>
            <pc:docMk/>
            <pc:sldMk cId="1326196502" sldId="273"/>
            <ac:spMk id="7" creationId="{0BF70DC3-66C9-451C-917E-BA44956D1DBD}"/>
          </ac:spMkLst>
        </pc:spChg>
      </pc:sldChg>
      <pc:sldChg chg="modSp">
        <pc:chgData name="Anders Furuskär" userId="5c9f1a7d-b689-4c3c-9fb9-968669d3c21c" providerId="ADAL" clId="{F9FAD9AE-6342-434D-965D-0DE7D3FBD558}" dt="2020-01-10T08:02:51.612" v="1928" actId="790"/>
        <pc:sldMkLst>
          <pc:docMk/>
          <pc:sldMk cId="1901206566" sldId="274"/>
        </pc:sldMkLst>
        <pc:spChg chg="mod">
          <ac:chgData name="Anders Furuskär" userId="5c9f1a7d-b689-4c3c-9fb9-968669d3c21c" providerId="ADAL" clId="{F9FAD9AE-6342-434D-965D-0DE7D3FBD558}" dt="2020-01-10T08:02:51.608" v="1927" actId="790"/>
          <ac:spMkLst>
            <pc:docMk/>
            <pc:sldMk cId="1901206566" sldId="274"/>
            <ac:spMk id="4" creationId="{306D82EC-811D-454E-9DFF-2EEC63AD50B4}"/>
          </ac:spMkLst>
        </pc:spChg>
        <pc:spChg chg="mod">
          <ac:chgData name="Anders Furuskär" userId="5c9f1a7d-b689-4c3c-9fb9-968669d3c21c" providerId="ADAL" clId="{F9FAD9AE-6342-434D-965D-0DE7D3FBD558}" dt="2020-01-10T08:02:51.612" v="1928" actId="790"/>
          <ac:spMkLst>
            <pc:docMk/>
            <pc:sldMk cId="1901206566" sldId="274"/>
            <ac:spMk id="5" creationId="{80CFE1E9-2446-4327-A152-D121E1DA7E83}"/>
          </ac:spMkLst>
        </pc:spChg>
      </pc:sldChg>
      <pc:sldChg chg="modSp">
        <pc:chgData name="Anders Furuskär" userId="5c9f1a7d-b689-4c3c-9fb9-968669d3c21c" providerId="ADAL" clId="{F9FAD9AE-6342-434D-965D-0DE7D3FBD558}" dt="2020-01-10T08:02:51.618" v="1931" actId="790"/>
        <pc:sldMkLst>
          <pc:docMk/>
          <pc:sldMk cId="3178844102" sldId="275"/>
        </pc:sldMkLst>
        <pc:spChg chg="mod">
          <ac:chgData name="Anders Furuskär" userId="5c9f1a7d-b689-4c3c-9fb9-968669d3c21c" providerId="ADAL" clId="{F9FAD9AE-6342-434D-965D-0DE7D3FBD558}" dt="2020-01-10T08:02:51.612" v="1929" actId="790"/>
          <ac:spMkLst>
            <pc:docMk/>
            <pc:sldMk cId="3178844102" sldId="275"/>
            <ac:spMk id="4" creationId="{306D82EC-811D-454E-9DFF-2EEC63AD50B4}"/>
          </ac:spMkLst>
        </pc:spChg>
        <pc:spChg chg="mod">
          <ac:chgData name="Anders Furuskär" userId="5c9f1a7d-b689-4c3c-9fb9-968669d3c21c" providerId="ADAL" clId="{F9FAD9AE-6342-434D-965D-0DE7D3FBD558}" dt="2020-01-10T08:02:51.617" v="1930" actId="790"/>
          <ac:spMkLst>
            <pc:docMk/>
            <pc:sldMk cId="3178844102" sldId="275"/>
            <ac:spMk id="5" creationId="{80CFE1E9-2446-4327-A152-D121E1DA7E83}"/>
          </ac:spMkLst>
        </pc:spChg>
        <pc:spChg chg="mod">
          <ac:chgData name="Anders Furuskär" userId="5c9f1a7d-b689-4c3c-9fb9-968669d3c21c" providerId="ADAL" clId="{F9FAD9AE-6342-434D-965D-0DE7D3FBD558}" dt="2020-01-10T08:02:51.618" v="1931" actId="790"/>
          <ac:spMkLst>
            <pc:docMk/>
            <pc:sldMk cId="3178844102" sldId="275"/>
            <ac:spMk id="6" creationId="{A99C077D-D2A2-4B7F-A9AD-830CD440E4D1}"/>
          </ac:spMkLst>
        </pc:spChg>
      </pc:sldChg>
      <pc:sldChg chg="modSp">
        <pc:chgData name="Anders Furuskär" userId="5c9f1a7d-b689-4c3c-9fb9-968669d3c21c" providerId="ADAL" clId="{F9FAD9AE-6342-434D-965D-0DE7D3FBD558}" dt="2020-01-10T08:02:51.624" v="1933" actId="790"/>
        <pc:sldMkLst>
          <pc:docMk/>
          <pc:sldMk cId="489233192" sldId="276"/>
        </pc:sldMkLst>
        <pc:spChg chg="mod">
          <ac:chgData name="Anders Furuskär" userId="5c9f1a7d-b689-4c3c-9fb9-968669d3c21c" providerId="ADAL" clId="{F9FAD9AE-6342-434D-965D-0DE7D3FBD558}" dt="2020-01-10T08:02:51.619" v="1932" actId="790"/>
          <ac:spMkLst>
            <pc:docMk/>
            <pc:sldMk cId="489233192" sldId="276"/>
            <ac:spMk id="4" creationId="{EA7D4468-58D5-40D1-8182-8FDBCEF777E1}"/>
          </ac:spMkLst>
        </pc:spChg>
        <pc:spChg chg="mod">
          <ac:chgData name="Anders Furuskär" userId="5c9f1a7d-b689-4c3c-9fb9-968669d3c21c" providerId="ADAL" clId="{F9FAD9AE-6342-434D-965D-0DE7D3FBD558}" dt="2020-01-10T08:02:51.624" v="1933" actId="790"/>
          <ac:spMkLst>
            <pc:docMk/>
            <pc:sldMk cId="489233192" sldId="276"/>
            <ac:spMk id="5" creationId="{393A08AF-E8DD-44C5-A85C-B1192DD283A4}"/>
          </ac:spMkLst>
        </pc:spChg>
      </pc:sldChg>
      <pc:sldChg chg="modSp">
        <pc:chgData name="Anders Furuskär" userId="5c9f1a7d-b689-4c3c-9fb9-968669d3c21c" providerId="ADAL" clId="{F9FAD9AE-6342-434D-965D-0DE7D3FBD558}" dt="2020-01-10T08:02:51.628" v="1940" actId="790"/>
        <pc:sldMkLst>
          <pc:docMk/>
          <pc:sldMk cId="168672176" sldId="277"/>
        </pc:sldMkLst>
        <pc:spChg chg="mod">
          <ac:chgData name="Anders Furuskär" userId="5c9f1a7d-b689-4c3c-9fb9-968669d3c21c" providerId="ADAL" clId="{F9FAD9AE-6342-434D-965D-0DE7D3FBD558}" dt="2020-01-10T08:02:51.624" v="1934" actId="790"/>
          <ac:spMkLst>
            <pc:docMk/>
            <pc:sldMk cId="168672176" sldId="277"/>
            <ac:spMk id="2" creationId="{9489AAB5-229B-463D-A48D-36E26FF960C3}"/>
          </ac:spMkLst>
        </pc:spChg>
        <pc:spChg chg="mod">
          <ac:chgData name="Anders Furuskär" userId="5c9f1a7d-b689-4c3c-9fb9-968669d3c21c" providerId="ADAL" clId="{F9FAD9AE-6342-434D-965D-0DE7D3FBD558}" dt="2020-01-10T08:02:51.625" v="1935" actId="790"/>
          <ac:spMkLst>
            <pc:docMk/>
            <pc:sldMk cId="168672176" sldId="277"/>
            <ac:spMk id="3" creationId="{93FC22F8-0635-40EC-B6F3-561F21049DF4}"/>
          </ac:spMkLst>
        </pc:spChg>
        <pc:spChg chg="mod">
          <ac:chgData name="Anders Furuskär" userId="5c9f1a7d-b689-4c3c-9fb9-968669d3c21c" providerId="ADAL" clId="{F9FAD9AE-6342-434D-965D-0DE7D3FBD558}" dt="2020-01-10T08:02:51.626" v="1936" actId="790"/>
          <ac:spMkLst>
            <pc:docMk/>
            <pc:sldMk cId="168672176" sldId="277"/>
            <ac:spMk id="6" creationId="{1AF7A813-3C4A-427E-8AE1-638B83CF95E2}"/>
          </ac:spMkLst>
        </pc:spChg>
        <pc:spChg chg="mod">
          <ac:chgData name="Anders Furuskär" userId="5c9f1a7d-b689-4c3c-9fb9-968669d3c21c" providerId="ADAL" clId="{F9FAD9AE-6342-434D-965D-0DE7D3FBD558}" dt="2020-01-10T08:02:51.627" v="1937" actId="790"/>
          <ac:spMkLst>
            <pc:docMk/>
            <pc:sldMk cId="168672176" sldId="277"/>
            <ac:spMk id="7" creationId="{6318772D-92DA-482A-90FF-68C7A0D03ECA}"/>
          </ac:spMkLst>
        </pc:spChg>
        <pc:spChg chg="mod">
          <ac:chgData name="Anders Furuskär" userId="5c9f1a7d-b689-4c3c-9fb9-968669d3c21c" providerId="ADAL" clId="{F9FAD9AE-6342-434D-965D-0DE7D3FBD558}" dt="2020-01-10T08:02:51.627" v="1938" actId="790"/>
          <ac:spMkLst>
            <pc:docMk/>
            <pc:sldMk cId="168672176" sldId="277"/>
            <ac:spMk id="8" creationId="{C689E6E6-156C-43E3-A351-4ADFCF6A2996}"/>
          </ac:spMkLst>
        </pc:spChg>
        <pc:spChg chg="mod">
          <ac:chgData name="Anders Furuskär" userId="5c9f1a7d-b689-4c3c-9fb9-968669d3c21c" providerId="ADAL" clId="{F9FAD9AE-6342-434D-965D-0DE7D3FBD558}" dt="2020-01-10T08:02:51.628" v="1939" actId="790"/>
          <ac:spMkLst>
            <pc:docMk/>
            <pc:sldMk cId="168672176" sldId="277"/>
            <ac:spMk id="9" creationId="{7AF4F253-AAD6-4512-8CCF-F01B8D8E88AF}"/>
          </ac:spMkLst>
        </pc:spChg>
        <pc:spChg chg="mod">
          <ac:chgData name="Anders Furuskär" userId="5c9f1a7d-b689-4c3c-9fb9-968669d3c21c" providerId="ADAL" clId="{F9FAD9AE-6342-434D-965D-0DE7D3FBD558}" dt="2020-01-10T08:02:51.628" v="1940" actId="790"/>
          <ac:spMkLst>
            <pc:docMk/>
            <pc:sldMk cId="168672176" sldId="277"/>
            <ac:spMk id="10" creationId="{02D620CD-E614-4B05-8B8E-5791F7D51991}"/>
          </ac:spMkLst>
        </pc:spChg>
      </pc:sldChg>
      <pc:sldChg chg="modSp">
        <pc:chgData name="Anders Furuskär" userId="5c9f1a7d-b689-4c3c-9fb9-968669d3c21c" providerId="ADAL" clId="{F9FAD9AE-6342-434D-965D-0DE7D3FBD558}" dt="2020-01-10T08:02:51.607" v="1926" actId="790"/>
        <pc:sldMkLst>
          <pc:docMk/>
          <pc:sldMk cId="2232092640" sldId="278"/>
        </pc:sldMkLst>
        <pc:spChg chg="mod">
          <ac:chgData name="Anders Furuskär" userId="5c9f1a7d-b689-4c3c-9fb9-968669d3c21c" providerId="ADAL" clId="{F9FAD9AE-6342-434D-965D-0DE7D3FBD558}" dt="2020-01-10T08:02:51.605" v="1925" actId="790"/>
          <ac:spMkLst>
            <pc:docMk/>
            <pc:sldMk cId="2232092640" sldId="278"/>
            <ac:spMk id="8" creationId="{F43A1B8E-DC95-4EE1-BC70-5E5AA4615922}"/>
          </ac:spMkLst>
        </pc:spChg>
        <pc:spChg chg="mod">
          <ac:chgData name="Anders Furuskär" userId="5c9f1a7d-b689-4c3c-9fb9-968669d3c21c" providerId="ADAL" clId="{F9FAD9AE-6342-434D-965D-0DE7D3FBD558}" dt="2020-01-10T08:02:51.607" v="1926" actId="790"/>
          <ac:spMkLst>
            <pc:docMk/>
            <pc:sldMk cId="2232092640" sldId="278"/>
            <ac:spMk id="9" creationId="{CF0B8360-8EFB-47B8-A060-8BACF6A1DE49}"/>
          </ac:spMkLst>
        </pc:spChg>
      </pc:sldChg>
      <pc:sldChg chg="modSp">
        <pc:chgData name="Anders Furuskär" userId="5c9f1a7d-b689-4c3c-9fb9-968669d3c21c" providerId="ADAL" clId="{F9FAD9AE-6342-434D-965D-0DE7D3FBD558}" dt="2020-01-10T08:02:51.571" v="1906" actId="790"/>
        <pc:sldMkLst>
          <pc:docMk/>
          <pc:sldMk cId="3633073385" sldId="279"/>
        </pc:sldMkLst>
        <pc:spChg chg="mod">
          <ac:chgData name="Anders Furuskär" userId="5c9f1a7d-b689-4c3c-9fb9-968669d3c21c" providerId="ADAL" clId="{F9FAD9AE-6342-434D-965D-0DE7D3FBD558}" dt="2020-01-10T08:02:51.567" v="1901" actId="790"/>
          <ac:spMkLst>
            <pc:docMk/>
            <pc:sldMk cId="3633073385" sldId="279"/>
            <ac:spMk id="2" creationId="{F54D311D-2157-4A35-9F56-0E8FE9FDD7BC}"/>
          </ac:spMkLst>
        </pc:spChg>
        <pc:spChg chg="mod">
          <ac:chgData name="Anders Furuskär" userId="5c9f1a7d-b689-4c3c-9fb9-968669d3c21c" providerId="ADAL" clId="{F9FAD9AE-6342-434D-965D-0DE7D3FBD558}" dt="2020-01-10T08:02:51.568" v="1902" actId="790"/>
          <ac:spMkLst>
            <pc:docMk/>
            <pc:sldMk cId="3633073385" sldId="279"/>
            <ac:spMk id="3" creationId="{17D5CE7D-CCF0-44B0-843A-8D46859C44EE}"/>
          </ac:spMkLst>
        </pc:spChg>
        <pc:spChg chg="mod">
          <ac:chgData name="Anders Furuskär" userId="5c9f1a7d-b689-4c3c-9fb9-968669d3c21c" providerId="ADAL" clId="{F9FAD9AE-6342-434D-965D-0DE7D3FBD558}" dt="2020-01-10T08:02:51.569" v="1903" actId="790"/>
          <ac:spMkLst>
            <pc:docMk/>
            <pc:sldMk cId="3633073385" sldId="279"/>
            <ac:spMk id="4" creationId="{6A927E07-3624-45B8-934B-C229726CA813}"/>
          </ac:spMkLst>
        </pc:spChg>
        <pc:spChg chg="mod">
          <ac:chgData name="Anders Furuskär" userId="5c9f1a7d-b689-4c3c-9fb9-968669d3c21c" providerId="ADAL" clId="{F9FAD9AE-6342-434D-965D-0DE7D3FBD558}" dt="2020-01-10T08:02:51.569" v="1904" actId="790"/>
          <ac:spMkLst>
            <pc:docMk/>
            <pc:sldMk cId="3633073385" sldId="279"/>
            <ac:spMk id="5" creationId="{0D8DE8B4-7BAB-4C18-A0E5-01D3A11D374F}"/>
          </ac:spMkLst>
        </pc:spChg>
        <pc:spChg chg="mod">
          <ac:chgData name="Anders Furuskär" userId="5c9f1a7d-b689-4c3c-9fb9-968669d3c21c" providerId="ADAL" clId="{F9FAD9AE-6342-434D-965D-0DE7D3FBD558}" dt="2020-01-10T08:02:51.570" v="1905" actId="790"/>
          <ac:spMkLst>
            <pc:docMk/>
            <pc:sldMk cId="3633073385" sldId="279"/>
            <ac:spMk id="6" creationId="{327EB691-17C6-4220-AA5E-2F3518AF8CC2}"/>
          </ac:spMkLst>
        </pc:spChg>
        <pc:spChg chg="mod">
          <ac:chgData name="Anders Furuskär" userId="5c9f1a7d-b689-4c3c-9fb9-968669d3c21c" providerId="ADAL" clId="{F9FAD9AE-6342-434D-965D-0DE7D3FBD558}" dt="2020-01-10T08:02:51.571" v="1906" actId="790"/>
          <ac:spMkLst>
            <pc:docMk/>
            <pc:sldMk cId="3633073385" sldId="279"/>
            <ac:spMk id="7" creationId="{0BF70DC3-66C9-451C-917E-BA44956D1DBD}"/>
          </ac:spMkLst>
        </pc:spChg>
      </pc:sldChg>
      <pc:sldChg chg="addSp modSp add">
        <pc:chgData name="Anders Furuskär" userId="5c9f1a7d-b689-4c3c-9fb9-968669d3c21c" providerId="ADAL" clId="{F9FAD9AE-6342-434D-965D-0DE7D3FBD558}" dt="2020-01-10T08:02:51.590" v="1916" actId="790"/>
        <pc:sldMkLst>
          <pc:docMk/>
          <pc:sldMk cId="3293018539" sldId="280"/>
        </pc:sldMkLst>
        <pc:spChg chg="mod">
          <ac:chgData name="Anders Furuskär" userId="5c9f1a7d-b689-4c3c-9fb9-968669d3c21c" providerId="ADAL" clId="{F9FAD9AE-6342-434D-965D-0DE7D3FBD558}" dt="2020-01-10T08:02:51.580" v="1915" actId="790"/>
          <ac:spMkLst>
            <pc:docMk/>
            <pc:sldMk cId="3293018539" sldId="280"/>
            <ac:spMk id="4" creationId="{EA7D4468-58D5-40D1-8182-8FDBCEF777E1}"/>
          </ac:spMkLst>
        </pc:spChg>
        <pc:spChg chg="mod">
          <ac:chgData name="Anders Furuskär" userId="5c9f1a7d-b689-4c3c-9fb9-968669d3c21c" providerId="ADAL" clId="{F9FAD9AE-6342-434D-965D-0DE7D3FBD558}" dt="2020-01-10T08:02:51.590" v="1916" actId="790"/>
          <ac:spMkLst>
            <pc:docMk/>
            <pc:sldMk cId="3293018539" sldId="280"/>
            <ac:spMk id="5" creationId="{393A08AF-E8DD-44C5-A85C-B1192DD283A4}"/>
          </ac:spMkLst>
        </pc:spChg>
        <pc:picChg chg="add mod">
          <ac:chgData name="Anders Furuskär" userId="5c9f1a7d-b689-4c3c-9fb9-968669d3c21c" providerId="ADAL" clId="{F9FAD9AE-6342-434D-965D-0DE7D3FBD558}" dt="2020-01-09T08:48:39.226" v="499" actId="1076"/>
          <ac:picMkLst>
            <pc:docMk/>
            <pc:sldMk cId="3293018539" sldId="280"/>
            <ac:picMk id="6" creationId="{ADDD755C-5078-4C47-84DF-9CC721121B13}"/>
          </ac:picMkLst>
        </pc:picChg>
      </pc:sldChg>
      <pc:sldChg chg="addSp modSp add">
        <pc:chgData name="Anders Furuskär" userId="5c9f1a7d-b689-4c3c-9fb9-968669d3c21c" providerId="ADAL" clId="{F9FAD9AE-6342-434D-965D-0DE7D3FBD558}" dt="2020-01-10T08:02:51.600" v="1918" actId="790"/>
        <pc:sldMkLst>
          <pc:docMk/>
          <pc:sldMk cId="539020484" sldId="281"/>
        </pc:sldMkLst>
        <pc:spChg chg="mod">
          <ac:chgData name="Anders Furuskär" userId="5c9f1a7d-b689-4c3c-9fb9-968669d3c21c" providerId="ADAL" clId="{F9FAD9AE-6342-434D-965D-0DE7D3FBD558}" dt="2020-01-10T08:02:51.591" v="1917" actId="790"/>
          <ac:spMkLst>
            <pc:docMk/>
            <pc:sldMk cId="539020484" sldId="281"/>
            <ac:spMk id="2" creationId="{8EADD584-78F9-48D5-ABC9-EC45F272A82B}"/>
          </ac:spMkLst>
        </pc:spChg>
        <pc:spChg chg="mod">
          <ac:chgData name="Anders Furuskär" userId="5c9f1a7d-b689-4c3c-9fb9-968669d3c21c" providerId="ADAL" clId="{F9FAD9AE-6342-434D-965D-0DE7D3FBD558}" dt="2020-01-10T08:02:51.600" v="1918" actId="790"/>
          <ac:spMkLst>
            <pc:docMk/>
            <pc:sldMk cId="539020484" sldId="281"/>
            <ac:spMk id="3" creationId="{9BB5D92E-69B2-415B-AE17-7DB0104CFA05}"/>
          </ac:spMkLst>
        </pc:spChg>
        <pc:picChg chg="add mod">
          <ac:chgData name="Anders Furuskär" userId="5c9f1a7d-b689-4c3c-9fb9-968669d3c21c" providerId="ADAL" clId="{F9FAD9AE-6342-434D-965D-0DE7D3FBD558}" dt="2020-01-09T09:27:59.405" v="1182" actId="1076"/>
          <ac:picMkLst>
            <pc:docMk/>
            <pc:sldMk cId="539020484" sldId="281"/>
            <ac:picMk id="4" creationId="{E016F3FD-597E-44B0-B8EC-F111006B4E68}"/>
          </ac:picMkLst>
        </pc:picChg>
      </pc:sldChg>
      <pc:sldChg chg="modSp add">
        <pc:chgData name="Anders Furuskär" userId="5c9f1a7d-b689-4c3c-9fb9-968669d3c21c" providerId="ADAL" clId="{F9FAD9AE-6342-434D-965D-0DE7D3FBD558}" dt="2020-01-10T08:02:51.580" v="1914" actId="790"/>
        <pc:sldMkLst>
          <pc:docMk/>
          <pc:sldMk cId="1974125651" sldId="282"/>
        </pc:sldMkLst>
        <pc:spChg chg="mod">
          <ac:chgData name="Anders Furuskär" userId="5c9f1a7d-b689-4c3c-9fb9-968669d3c21c" providerId="ADAL" clId="{F9FAD9AE-6342-434D-965D-0DE7D3FBD558}" dt="2020-01-10T08:02:51.576" v="1909" actId="790"/>
          <ac:spMkLst>
            <pc:docMk/>
            <pc:sldMk cId="1974125651" sldId="282"/>
            <ac:spMk id="2" creationId="{F54D311D-2157-4A35-9F56-0E8FE9FDD7BC}"/>
          </ac:spMkLst>
        </pc:spChg>
        <pc:spChg chg="mod">
          <ac:chgData name="Anders Furuskär" userId="5c9f1a7d-b689-4c3c-9fb9-968669d3c21c" providerId="ADAL" clId="{F9FAD9AE-6342-434D-965D-0DE7D3FBD558}" dt="2020-01-10T08:02:51.577" v="1910" actId="790"/>
          <ac:spMkLst>
            <pc:docMk/>
            <pc:sldMk cId="1974125651" sldId="282"/>
            <ac:spMk id="3" creationId="{17D5CE7D-CCF0-44B0-843A-8D46859C44EE}"/>
          </ac:spMkLst>
        </pc:spChg>
        <pc:spChg chg="mod">
          <ac:chgData name="Anders Furuskär" userId="5c9f1a7d-b689-4c3c-9fb9-968669d3c21c" providerId="ADAL" clId="{F9FAD9AE-6342-434D-965D-0DE7D3FBD558}" dt="2020-01-10T08:02:51.578" v="1911" actId="790"/>
          <ac:spMkLst>
            <pc:docMk/>
            <pc:sldMk cId="1974125651" sldId="282"/>
            <ac:spMk id="4" creationId="{6A927E07-3624-45B8-934B-C229726CA813}"/>
          </ac:spMkLst>
        </pc:spChg>
        <pc:spChg chg="mod">
          <ac:chgData name="Anders Furuskär" userId="5c9f1a7d-b689-4c3c-9fb9-968669d3c21c" providerId="ADAL" clId="{F9FAD9AE-6342-434D-965D-0DE7D3FBD558}" dt="2020-01-10T08:02:51.578" v="1912" actId="790"/>
          <ac:spMkLst>
            <pc:docMk/>
            <pc:sldMk cId="1974125651" sldId="282"/>
            <ac:spMk id="5" creationId="{0D8DE8B4-7BAB-4C18-A0E5-01D3A11D374F}"/>
          </ac:spMkLst>
        </pc:spChg>
        <pc:spChg chg="mod">
          <ac:chgData name="Anders Furuskär" userId="5c9f1a7d-b689-4c3c-9fb9-968669d3c21c" providerId="ADAL" clId="{F9FAD9AE-6342-434D-965D-0DE7D3FBD558}" dt="2020-01-10T08:02:51.579" v="1913" actId="790"/>
          <ac:spMkLst>
            <pc:docMk/>
            <pc:sldMk cId="1974125651" sldId="282"/>
            <ac:spMk id="6" creationId="{327EB691-17C6-4220-AA5E-2F3518AF8CC2}"/>
          </ac:spMkLst>
        </pc:spChg>
        <pc:spChg chg="mod">
          <ac:chgData name="Anders Furuskär" userId="5c9f1a7d-b689-4c3c-9fb9-968669d3c21c" providerId="ADAL" clId="{F9FAD9AE-6342-434D-965D-0DE7D3FBD558}" dt="2020-01-10T08:02:51.580" v="1914" actId="790"/>
          <ac:spMkLst>
            <pc:docMk/>
            <pc:sldMk cId="1974125651" sldId="282"/>
            <ac:spMk id="7" creationId="{0BF70DC3-66C9-451C-917E-BA44956D1DBD}"/>
          </ac:spMkLst>
        </pc:spChg>
      </pc:sldChg>
      <pc:sldChg chg="modSp add ord">
        <pc:chgData name="Anders Furuskär" userId="5c9f1a7d-b689-4c3c-9fb9-968669d3c21c" providerId="ADAL" clId="{F9FAD9AE-6342-434D-965D-0DE7D3FBD558}" dt="2020-01-10T08:02:51.576" v="1908" actId="790"/>
        <pc:sldMkLst>
          <pc:docMk/>
          <pc:sldMk cId="65997511" sldId="283"/>
        </pc:sldMkLst>
        <pc:spChg chg="mod">
          <ac:chgData name="Anders Furuskär" userId="5c9f1a7d-b689-4c3c-9fb9-968669d3c21c" providerId="ADAL" clId="{F9FAD9AE-6342-434D-965D-0DE7D3FBD558}" dt="2020-01-10T08:02:51.572" v="1907" actId="790"/>
          <ac:spMkLst>
            <pc:docMk/>
            <pc:sldMk cId="65997511" sldId="283"/>
            <ac:spMk id="4" creationId="{EA7D4468-58D5-40D1-8182-8FDBCEF777E1}"/>
          </ac:spMkLst>
        </pc:spChg>
        <pc:spChg chg="mod">
          <ac:chgData name="Anders Furuskär" userId="5c9f1a7d-b689-4c3c-9fb9-968669d3c21c" providerId="ADAL" clId="{F9FAD9AE-6342-434D-965D-0DE7D3FBD558}" dt="2020-01-10T08:02:51.576" v="1908" actId="790"/>
          <ac:spMkLst>
            <pc:docMk/>
            <pc:sldMk cId="65997511" sldId="283"/>
            <ac:spMk id="5" creationId="{393A08AF-E8DD-44C5-A85C-B1192DD283A4}"/>
          </ac:spMkLst>
        </pc:spChg>
      </pc:sldChg>
      <pc:sldMasterChg chg="modSp modSldLayout">
        <pc:chgData name="Anders Furuskär" userId="5c9f1a7d-b689-4c3c-9fb9-968669d3c21c" providerId="ADAL" clId="{F9FAD9AE-6342-434D-965D-0DE7D3FBD558}" dt="2020-01-10T08:02:52.069" v="2277"/>
        <pc:sldMasterMkLst>
          <pc:docMk/>
          <pc:sldMasterMk cId="2523064765" sldId="2147483660"/>
        </pc:sldMasterMkLst>
        <pc:spChg chg="mod">
          <ac:chgData name="Anders Furuskär" userId="5c9f1a7d-b689-4c3c-9fb9-968669d3c21c" providerId="ADAL" clId="{F9FAD9AE-6342-434D-965D-0DE7D3FBD558}" dt="2020-01-10T08:02:51.867" v="2154" actId="790"/>
          <ac:spMkLst>
            <pc:docMk/>
            <pc:sldMasterMk cId="2523064765" sldId="2147483660"/>
            <ac:spMk id="8" creationId="{483145CE-A2DE-4236-A4F9-8AE088671CA5}"/>
          </ac:spMkLst>
        </pc:spChg>
        <pc:spChg chg="mod">
          <ac:chgData name="Anders Furuskär" userId="5c9f1a7d-b689-4c3c-9fb9-968669d3c21c" providerId="ADAL" clId="{F9FAD9AE-6342-434D-965D-0DE7D3FBD558}" dt="2020-01-10T08:02:51.864" v="2153" actId="790"/>
          <ac:spMkLst>
            <pc:docMk/>
            <pc:sldMasterMk cId="2523064765" sldId="2147483660"/>
            <ac:spMk id="21506" creationId="{00000000-0000-0000-0000-000000000000}"/>
          </ac:spMkLst>
        </pc:spChg>
        <pc:sldLayoutChg chg="modSp">
          <pc:chgData name="Anders Furuskär" userId="5c9f1a7d-b689-4c3c-9fb9-968669d3c21c" providerId="ADAL" clId="{F9FAD9AE-6342-434D-965D-0DE7D3FBD558}" dt="2020-01-10T08:02:51.901" v="2157"/>
          <pc:sldLayoutMkLst>
            <pc:docMk/>
            <pc:sldMasterMk cId="2523064765" sldId="2147483660"/>
            <pc:sldLayoutMk cId="1374575616" sldId="2147483661"/>
          </pc:sldLayoutMkLst>
          <pc:spChg chg="mod">
            <ac:chgData name="Anders Furuskär" userId="5c9f1a7d-b689-4c3c-9fb9-968669d3c21c" providerId="ADAL" clId="{F9FAD9AE-6342-434D-965D-0DE7D3FBD558}" dt="2020-01-10T08:02:51.632" v="1945" actId="790"/>
            <ac:spMkLst>
              <pc:docMk/>
              <pc:sldMasterMk cId="2523064765" sldId="2147483660"/>
              <pc:sldLayoutMk cId="1374575616" sldId="2147483661"/>
              <ac:spMk id="3" creationId="{00000000-0000-0000-0000-000000000000}"/>
            </ac:spMkLst>
          </pc:spChg>
          <pc:spChg chg="mod">
            <ac:chgData name="Anders Furuskär" userId="5c9f1a7d-b689-4c3c-9fb9-968669d3c21c" providerId="ADAL" clId="{F9FAD9AE-6342-434D-965D-0DE7D3FBD558}" dt="2020-01-10T08:02:51.901" v="2157"/>
            <ac:spMkLst>
              <pc:docMk/>
              <pc:sldMasterMk cId="2523064765" sldId="2147483660"/>
              <pc:sldLayoutMk cId="1374575616" sldId="2147483661"/>
              <ac:spMk id="9" creationId="{72C1EE1F-EF94-4EBA-A010-8BC3D2F38C39}"/>
            </ac:spMkLst>
          </pc:spChg>
          <pc:spChg chg="mod">
            <ac:chgData name="Anders Furuskär" userId="5c9f1a7d-b689-4c3c-9fb9-968669d3c21c" providerId="ADAL" clId="{F9FAD9AE-6342-434D-965D-0DE7D3FBD558}" dt="2020-01-10T08:02:51.636" v="1949" actId="790"/>
            <ac:spMkLst>
              <pc:docMk/>
              <pc:sldMasterMk cId="2523064765" sldId="2147483660"/>
              <pc:sldLayoutMk cId="1374575616" sldId="2147483661"/>
              <ac:spMk id="10" creationId="{D76AC379-37ED-447F-84CF-99B2FA694549}"/>
            </ac:spMkLst>
          </pc:spChg>
          <pc:spChg chg="mod">
            <ac:chgData name="Anders Furuskär" userId="5c9f1a7d-b689-4c3c-9fb9-968669d3c21c" providerId="ADAL" clId="{F9FAD9AE-6342-434D-965D-0DE7D3FBD558}" dt="2020-01-10T08:02:51.630" v="1942" actId="790"/>
            <ac:spMkLst>
              <pc:docMk/>
              <pc:sldMasterMk cId="2523064765" sldId="2147483660"/>
              <pc:sldLayoutMk cId="1374575616" sldId="2147483661"/>
              <ac:spMk id="11" creationId="{36D1288D-6C72-4971-B895-27E90722A109}"/>
            </ac:spMkLst>
          </pc:spChg>
          <pc:spChg chg="mod">
            <ac:chgData name="Anders Furuskär" userId="5c9f1a7d-b689-4c3c-9fb9-968669d3c21c" providerId="ADAL" clId="{F9FAD9AE-6342-434D-965D-0DE7D3FBD558}" dt="2020-01-10T08:02:51.633" v="1946" actId="790"/>
            <ac:spMkLst>
              <pc:docMk/>
              <pc:sldMasterMk cId="2523064765" sldId="2147483660"/>
              <pc:sldLayoutMk cId="1374575616" sldId="2147483661"/>
              <ac:spMk id="12" creationId="{00000000-0000-0000-0000-000000000000}"/>
            </ac:spMkLst>
          </pc:spChg>
          <pc:spChg chg="mod">
            <ac:chgData name="Anders Furuskär" userId="5c9f1a7d-b689-4c3c-9fb9-968669d3c21c" providerId="ADAL" clId="{F9FAD9AE-6342-434D-965D-0DE7D3FBD558}" dt="2020-01-10T08:02:51.634" v="1947" actId="790"/>
            <ac:spMkLst>
              <pc:docMk/>
              <pc:sldMasterMk cId="2523064765" sldId="2147483660"/>
              <pc:sldLayoutMk cId="1374575616" sldId="2147483661"/>
              <ac:spMk id="15" creationId="{00000000-0000-0000-0000-000000000000}"/>
            </ac:spMkLst>
          </pc:spChg>
          <pc:spChg chg="mod">
            <ac:chgData name="Anders Furuskär" userId="5c9f1a7d-b689-4c3c-9fb9-968669d3c21c" providerId="ADAL" clId="{F9FAD9AE-6342-434D-965D-0DE7D3FBD558}" dt="2020-01-10T08:02:51.632" v="1944" actId="790"/>
            <ac:spMkLst>
              <pc:docMk/>
              <pc:sldMasterMk cId="2523064765" sldId="2147483660"/>
              <pc:sldLayoutMk cId="1374575616" sldId="2147483661"/>
              <ac:spMk id="22530" creationId="{00000000-0000-0000-0000-000000000000}"/>
            </ac:spMkLst>
          </pc:spChg>
          <pc:spChg chg="mod">
            <ac:chgData name="Anders Furuskär" userId="5c9f1a7d-b689-4c3c-9fb9-968669d3c21c" providerId="ADAL" clId="{F9FAD9AE-6342-434D-965D-0DE7D3FBD558}" dt="2020-01-10T08:02:51.631" v="1943" actId="790"/>
            <ac:spMkLst>
              <pc:docMk/>
              <pc:sldMasterMk cId="2523064765" sldId="2147483660"/>
              <pc:sldLayoutMk cId="1374575616" sldId="2147483661"/>
              <ac:spMk id="22531" creationId="{00000000-0000-0000-0000-000000000000}"/>
            </ac:spMkLst>
          </pc:spChg>
        </pc:sldLayoutChg>
        <pc:sldLayoutChg chg="modSp">
          <pc:chgData name="Anders Furuskär" userId="5c9f1a7d-b689-4c3c-9fb9-968669d3c21c" providerId="ADAL" clId="{F9FAD9AE-6342-434D-965D-0DE7D3FBD558}" dt="2020-01-10T08:02:51.909" v="2163"/>
          <pc:sldLayoutMkLst>
            <pc:docMk/>
            <pc:sldMasterMk cId="2523064765" sldId="2147483660"/>
            <pc:sldLayoutMk cId="1085322578" sldId="2147483662"/>
          </pc:sldLayoutMkLst>
          <pc:spChg chg="mod">
            <ac:chgData name="Anders Furuskär" userId="5c9f1a7d-b689-4c3c-9fb9-968669d3c21c" providerId="ADAL" clId="{F9FAD9AE-6342-434D-965D-0DE7D3FBD558}" dt="2020-01-10T08:02:51.643" v="1958" actId="790"/>
            <ac:spMkLst>
              <pc:docMk/>
              <pc:sldMasterMk cId="2523064765" sldId="2147483660"/>
              <pc:sldLayoutMk cId="1085322578" sldId="2147483662"/>
              <ac:spMk id="6" creationId="{0B84C4A2-9E83-4451-8F6C-F4FA7B70C700}"/>
            </ac:spMkLst>
          </pc:spChg>
          <pc:spChg chg="mod">
            <ac:chgData name="Anders Furuskär" userId="5c9f1a7d-b689-4c3c-9fb9-968669d3c21c" providerId="ADAL" clId="{F9FAD9AE-6342-434D-965D-0DE7D3FBD558}" dt="2020-01-10T08:02:51.909" v="2163"/>
            <ac:spMkLst>
              <pc:docMk/>
              <pc:sldMasterMk cId="2523064765" sldId="2147483660"/>
              <pc:sldLayoutMk cId="1085322578" sldId="2147483662"/>
              <ac:spMk id="7" creationId="{3AD885ED-EA58-419A-BC0B-F06CF9659422}"/>
            </ac:spMkLst>
          </pc:spChg>
          <pc:spChg chg="mod">
            <ac:chgData name="Anders Furuskär" userId="5c9f1a7d-b689-4c3c-9fb9-968669d3c21c" providerId="ADAL" clId="{F9FAD9AE-6342-434D-965D-0DE7D3FBD558}" dt="2020-01-10T08:02:51.643" v="1959" actId="790"/>
            <ac:spMkLst>
              <pc:docMk/>
              <pc:sldMasterMk cId="2523064765" sldId="2147483660"/>
              <pc:sldLayoutMk cId="1085322578" sldId="2147483662"/>
              <ac:spMk id="9" creationId="{696C7C8F-5086-466A-8108-2FE0A8663D59}"/>
            </ac:spMkLst>
          </pc:spChg>
          <pc:spChg chg="mod">
            <ac:chgData name="Anders Furuskär" userId="5c9f1a7d-b689-4c3c-9fb9-968669d3c21c" providerId="ADAL" clId="{F9FAD9AE-6342-434D-965D-0DE7D3FBD558}" dt="2020-01-10T08:02:51.645" v="1960" actId="790"/>
            <ac:spMkLst>
              <pc:docMk/>
              <pc:sldMasterMk cId="2523064765" sldId="2147483660"/>
              <pc:sldLayoutMk cId="1085322578" sldId="2147483662"/>
              <ac:spMk id="10" creationId="{ED5DEA0B-CF0D-4EE6-B6A8-90BAF3DE8AF1}"/>
            </ac:spMkLst>
          </pc:spChg>
          <pc:spChg chg="mod">
            <ac:chgData name="Anders Furuskär" userId="5c9f1a7d-b689-4c3c-9fb9-968669d3c21c" providerId="ADAL" clId="{F9FAD9AE-6342-434D-965D-0DE7D3FBD558}" dt="2020-01-10T08:02:51.647" v="1962" actId="790"/>
            <ac:spMkLst>
              <pc:docMk/>
              <pc:sldMasterMk cId="2523064765" sldId="2147483660"/>
              <pc:sldLayoutMk cId="1085322578" sldId="2147483662"/>
              <ac:spMk id="13" creationId="{417661C0-2F80-41FC-8827-508BB33F9230}"/>
            </ac:spMkLst>
          </pc:spChg>
        </pc:sldLayoutChg>
        <pc:sldLayoutChg chg="modSp">
          <pc:chgData name="Anders Furuskär" userId="5c9f1a7d-b689-4c3c-9fb9-968669d3c21c" providerId="ADAL" clId="{F9FAD9AE-6342-434D-965D-0DE7D3FBD558}" dt="2020-01-10T08:02:51.913" v="2166"/>
          <pc:sldLayoutMkLst>
            <pc:docMk/>
            <pc:sldMasterMk cId="2523064765" sldId="2147483660"/>
            <pc:sldLayoutMk cId="2064663325" sldId="2147483664"/>
          </pc:sldLayoutMkLst>
          <pc:spChg chg="mod">
            <ac:chgData name="Anders Furuskär" userId="5c9f1a7d-b689-4c3c-9fb9-968669d3c21c" providerId="ADAL" clId="{F9FAD9AE-6342-434D-965D-0DE7D3FBD558}" dt="2020-01-10T08:02:51.913" v="2166"/>
            <ac:spMkLst>
              <pc:docMk/>
              <pc:sldMasterMk cId="2523064765" sldId="2147483660"/>
              <pc:sldLayoutMk cId="2064663325" sldId="2147483664"/>
              <ac:spMk id="8" creationId="{866A1512-27D5-4CA8-94C5-10E56C30705D}"/>
            </ac:spMkLst>
          </pc:spChg>
          <pc:spChg chg="mod">
            <ac:chgData name="Anders Furuskär" userId="5c9f1a7d-b689-4c3c-9fb9-968669d3c21c" providerId="ADAL" clId="{F9FAD9AE-6342-434D-965D-0DE7D3FBD558}" dt="2020-01-10T08:02:51.649" v="1964" actId="790"/>
            <ac:spMkLst>
              <pc:docMk/>
              <pc:sldMasterMk cId="2523064765" sldId="2147483660"/>
              <pc:sldLayoutMk cId="2064663325" sldId="2147483664"/>
              <ac:spMk id="9" creationId="{696C7C8F-5086-466A-8108-2FE0A8663D59}"/>
            </ac:spMkLst>
          </pc:spChg>
          <pc:spChg chg="mod">
            <ac:chgData name="Anders Furuskär" userId="5c9f1a7d-b689-4c3c-9fb9-968669d3c21c" providerId="ADAL" clId="{F9FAD9AE-6342-434D-965D-0DE7D3FBD558}" dt="2020-01-10T08:02:51.650" v="1965" actId="790"/>
            <ac:spMkLst>
              <pc:docMk/>
              <pc:sldMasterMk cId="2523064765" sldId="2147483660"/>
              <pc:sldLayoutMk cId="2064663325" sldId="2147483664"/>
              <ac:spMk id="10" creationId="{ED5DEA0B-CF0D-4EE6-B6A8-90BAF3DE8AF1}"/>
            </ac:spMkLst>
          </pc:spChg>
          <pc:spChg chg="mod">
            <ac:chgData name="Anders Furuskär" userId="5c9f1a7d-b689-4c3c-9fb9-968669d3c21c" providerId="ADAL" clId="{F9FAD9AE-6342-434D-965D-0DE7D3FBD558}" dt="2020-01-10T08:02:51.651" v="1967" actId="790"/>
            <ac:spMkLst>
              <pc:docMk/>
              <pc:sldMasterMk cId="2523064765" sldId="2147483660"/>
              <pc:sldLayoutMk cId="2064663325" sldId="2147483664"/>
              <ac:spMk id="11" creationId="{30276571-778A-43C8-820D-4E055433343F}"/>
            </ac:spMkLst>
          </pc:spChg>
          <pc:spChg chg="mod">
            <ac:chgData name="Anders Furuskär" userId="5c9f1a7d-b689-4c3c-9fb9-968669d3c21c" providerId="ADAL" clId="{F9FAD9AE-6342-434D-965D-0DE7D3FBD558}" dt="2020-01-10T08:02:51.648" v="1963" actId="790"/>
            <ac:spMkLst>
              <pc:docMk/>
              <pc:sldMasterMk cId="2523064765" sldId="2147483660"/>
              <pc:sldLayoutMk cId="2064663325" sldId="2147483664"/>
              <ac:spMk id="13" creationId="{368FADF5-0F2E-41A5-9C74-2E60F7AC8939}"/>
            </ac:spMkLst>
          </pc:spChg>
        </pc:sldLayoutChg>
        <pc:sldLayoutChg chg="modSp">
          <pc:chgData name="Anders Furuskär" userId="5c9f1a7d-b689-4c3c-9fb9-968669d3c21c" providerId="ADAL" clId="{F9FAD9AE-6342-434D-965D-0DE7D3FBD558}" dt="2020-01-10T08:02:51.917" v="2169"/>
          <pc:sldLayoutMkLst>
            <pc:docMk/>
            <pc:sldMasterMk cId="2523064765" sldId="2147483660"/>
            <pc:sldLayoutMk cId="2108219646" sldId="2147483665"/>
          </pc:sldLayoutMkLst>
          <pc:spChg chg="mod">
            <ac:chgData name="Anders Furuskär" userId="5c9f1a7d-b689-4c3c-9fb9-968669d3c21c" providerId="ADAL" clId="{F9FAD9AE-6342-434D-965D-0DE7D3FBD558}" dt="2020-01-10T08:02:51.652" v="1968" actId="790"/>
            <ac:spMkLst>
              <pc:docMk/>
              <pc:sldMasterMk cId="2523064765" sldId="2147483660"/>
              <pc:sldLayoutMk cId="2108219646" sldId="2147483665"/>
              <ac:spMk id="4" creationId="{00000000-0000-0000-0000-000000000000}"/>
            </ac:spMkLst>
          </pc:spChg>
          <pc:spChg chg="mod">
            <ac:chgData name="Anders Furuskär" userId="5c9f1a7d-b689-4c3c-9fb9-968669d3c21c" providerId="ADAL" clId="{F9FAD9AE-6342-434D-965D-0DE7D3FBD558}" dt="2020-01-10T08:02:51.917" v="2169"/>
            <ac:spMkLst>
              <pc:docMk/>
              <pc:sldMasterMk cId="2523064765" sldId="2147483660"/>
              <pc:sldLayoutMk cId="2108219646" sldId="2147483665"/>
              <ac:spMk id="7" creationId="{F4D3A834-11EE-4BDF-A704-0BF0873EFBA3}"/>
            </ac:spMkLst>
          </pc:spChg>
          <pc:spChg chg="mod">
            <ac:chgData name="Anders Furuskär" userId="5c9f1a7d-b689-4c3c-9fb9-968669d3c21c" providerId="ADAL" clId="{F9FAD9AE-6342-434D-965D-0DE7D3FBD558}" dt="2020-01-10T08:02:51.656" v="1972" actId="790"/>
            <ac:spMkLst>
              <pc:docMk/>
              <pc:sldMasterMk cId="2523064765" sldId="2147483660"/>
              <pc:sldLayoutMk cId="2108219646" sldId="2147483665"/>
              <ac:spMk id="8" creationId="{B0BFCB65-C4A0-4777-AB6F-CDDDEBA7BAEE}"/>
            </ac:spMkLst>
          </pc:spChg>
          <pc:spChg chg="mod">
            <ac:chgData name="Anders Furuskär" userId="5c9f1a7d-b689-4c3c-9fb9-968669d3c21c" providerId="ADAL" clId="{F9FAD9AE-6342-434D-965D-0DE7D3FBD558}" dt="2020-01-10T08:02:51.653" v="1969" actId="790"/>
            <ac:spMkLst>
              <pc:docMk/>
              <pc:sldMasterMk cId="2523064765" sldId="2147483660"/>
              <pc:sldLayoutMk cId="2108219646" sldId="2147483665"/>
              <ac:spMk id="11" creationId="{48FE7FF9-3930-4C4A-8BC6-EB9A286812D4}"/>
            </ac:spMkLst>
          </pc:spChg>
          <pc:spChg chg="mod">
            <ac:chgData name="Anders Furuskär" userId="5c9f1a7d-b689-4c3c-9fb9-968669d3c21c" providerId="ADAL" clId="{F9FAD9AE-6342-434D-965D-0DE7D3FBD558}" dt="2020-01-10T08:02:51.654" v="1970" actId="790"/>
            <ac:spMkLst>
              <pc:docMk/>
              <pc:sldMasterMk cId="2523064765" sldId="2147483660"/>
              <pc:sldLayoutMk cId="2108219646" sldId="2147483665"/>
              <ac:spMk id="12" creationId="{A60848B0-180A-4C02-A8B3-E172AF538B61}"/>
            </ac:spMkLst>
          </pc:spChg>
        </pc:sldLayoutChg>
        <pc:sldLayoutChg chg="modSp">
          <pc:chgData name="Anders Furuskär" userId="5c9f1a7d-b689-4c3c-9fb9-968669d3c21c" providerId="ADAL" clId="{F9FAD9AE-6342-434D-965D-0DE7D3FBD558}" dt="2020-01-10T08:02:51.921" v="2172"/>
          <pc:sldLayoutMkLst>
            <pc:docMk/>
            <pc:sldMasterMk cId="2523064765" sldId="2147483660"/>
            <pc:sldLayoutMk cId="299406540" sldId="2147483666"/>
          </pc:sldLayoutMkLst>
          <pc:spChg chg="mod">
            <ac:chgData name="Anders Furuskär" userId="5c9f1a7d-b689-4c3c-9fb9-968669d3c21c" providerId="ADAL" clId="{F9FAD9AE-6342-434D-965D-0DE7D3FBD558}" dt="2020-01-10T08:02:51.657" v="1973"/>
            <ac:spMkLst>
              <pc:docMk/>
              <pc:sldMasterMk cId="2523064765" sldId="2147483660"/>
              <pc:sldLayoutMk cId="299406540" sldId="2147483666"/>
              <ac:spMk id="4" creationId="{00000000-0000-0000-0000-000000000000}"/>
            </ac:spMkLst>
          </pc:spChg>
          <pc:spChg chg="mod">
            <ac:chgData name="Anders Furuskär" userId="5c9f1a7d-b689-4c3c-9fb9-968669d3c21c" providerId="ADAL" clId="{F9FAD9AE-6342-434D-965D-0DE7D3FBD558}" dt="2020-01-10T08:02:51.921" v="2172"/>
            <ac:spMkLst>
              <pc:docMk/>
              <pc:sldMasterMk cId="2523064765" sldId="2147483660"/>
              <pc:sldLayoutMk cId="299406540" sldId="2147483666"/>
              <ac:spMk id="7" creationId="{A51D0608-0A57-43BF-AD18-8DFD8B5D249B}"/>
            </ac:spMkLst>
          </pc:spChg>
          <pc:spChg chg="mod">
            <ac:chgData name="Anders Furuskär" userId="5c9f1a7d-b689-4c3c-9fb9-968669d3c21c" providerId="ADAL" clId="{F9FAD9AE-6342-434D-965D-0DE7D3FBD558}" dt="2020-01-10T08:02:51.660" v="1977" actId="790"/>
            <ac:spMkLst>
              <pc:docMk/>
              <pc:sldMasterMk cId="2523064765" sldId="2147483660"/>
              <pc:sldLayoutMk cId="299406540" sldId="2147483666"/>
              <ac:spMk id="8" creationId="{E1090122-906E-44AF-A054-14B12CB245F6}"/>
            </ac:spMkLst>
          </pc:spChg>
          <pc:spChg chg="mod">
            <ac:chgData name="Anders Furuskär" userId="5c9f1a7d-b689-4c3c-9fb9-968669d3c21c" providerId="ADAL" clId="{F9FAD9AE-6342-434D-965D-0DE7D3FBD558}" dt="2020-01-10T08:02:51.657" v="1974" actId="790"/>
            <ac:spMkLst>
              <pc:docMk/>
              <pc:sldMasterMk cId="2523064765" sldId="2147483660"/>
              <pc:sldLayoutMk cId="299406540" sldId="2147483666"/>
              <ac:spMk id="10" creationId="{4F3FE80A-6B53-492B-8FC1-A575806A0D00}"/>
            </ac:spMkLst>
          </pc:spChg>
          <pc:spChg chg="mod">
            <ac:chgData name="Anders Furuskär" userId="5c9f1a7d-b689-4c3c-9fb9-968669d3c21c" providerId="ADAL" clId="{F9FAD9AE-6342-434D-965D-0DE7D3FBD558}" dt="2020-01-10T08:02:51.658" v="1975" actId="790"/>
            <ac:spMkLst>
              <pc:docMk/>
              <pc:sldMasterMk cId="2523064765" sldId="2147483660"/>
              <pc:sldLayoutMk cId="299406540" sldId="2147483666"/>
              <ac:spMk id="11" creationId="{3AECA499-20B0-4F79-85A2-1C9D1BFBB0C0}"/>
            </ac:spMkLst>
          </pc:spChg>
        </pc:sldLayoutChg>
        <pc:sldLayoutChg chg="modSp">
          <pc:chgData name="Anders Furuskär" userId="5c9f1a7d-b689-4c3c-9fb9-968669d3c21c" providerId="ADAL" clId="{F9FAD9AE-6342-434D-965D-0DE7D3FBD558}" dt="2020-01-10T08:02:51.926" v="2175"/>
          <pc:sldLayoutMkLst>
            <pc:docMk/>
            <pc:sldMasterMk cId="2523064765" sldId="2147483660"/>
            <pc:sldLayoutMk cId="3450366910" sldId="2147483667"/>
          </pc:sldLayoutMkLst>
          <pc:spChg chg="mod">
            <ac:chgData name="Anders Furuskär" userId="5c9f1a7d-b689-4c3c-9fb9-968669d3c21c" providerId="ADAL" clId="{F9FAD9AE-6342-434D-965D-0DE7D3FBD558}" dt="2020-01-10T08:02:51.661" v="1978" actId="790"/>
            <ac:spMkLst>
              <pc:docMk/>
              <pc:sldMasterMk cId="2523064765" sldId="2147483660"/>
              <pc:sldLayoutMk cId="3450366910" sldId="2147483667"/>
              <ac:spMk id="4" creationId="{00000000-0000-0000-0000-000000000000}"/>
            </ac:spMkLst>
          </pc:spChg>
          <pc:spChg chg="mod">
            <ac:chgData name="Anders Furuskär" userId="5c9f1a7d-b689-4c3c-9fb9-968669d3c21c" providerId="ADAL" clId="{F9FAD9AE-6342-434D-965D-0DE7D3FBD558}" dt="2020-01-10T08:02:51.926" v="2175"/>
            <ac:spMkLst>
              <pc:docMk/>
              <pc:sldMasterMk cId="2523064765" sldId="2147483660"/>
              <pc:sldLayoutMk cId="3450366910" sldId="2147483667"/>
              <ac:spMk id="7" creationId="{89A384A6-2ED7-4C73-9166-564C827C9CC4}"/>
            </ac:spMkLst>
          </pc:spChg>
          <pc:spChg chg="mod">
            <ac:chgData name="Anders Furuskär" userId="5c9f1a7d-b689-4c3c-9fb9-968669d3c21c" providerId="ADAL" clId="{F9FAD9AE-6342-434D-965D-0DE7D3FBD558}" dt="2020-01-10T08:02:51.665" v="1982" actId="790"/>
            <ac:spMkLst>
              <pc:docMk/>
              <pc:sldMasterMk cId="2523064765" sldId="2147483660"/>
              <pc:sldLayoutMk cId="3450366910" sldId="2147483667"/>
              <ac:spMk id="8" creationId="{82C84FC9-A121-42A0-B02B-2C2E8358C2B7}"/>
            </ac:spMkLst>
          </pc:spChg>
          <pc:spChg chg="mod">
            <ac:chgData name="Anders Furuskär" userId="5c9f1a7d-b689-4c3c-9fb9-968669d3c21c" providerId="ADAL" clId="{F9FAD9AE-6342-434D-965D-0DE7D3FBD558}" dt="2020-01-10T08:02:51.662" v="1979" actId="790"/>
            <ac:spMkLst>
              <pc:docMk/>
              <pc:sldMasterMk cId="2523064765" sldId="2147483660"/>
              <pc:sldLayoutMk cId="3450366910" sldId="2147483667"/>
              <ac:spMk id="10" creationId="{6AB007D5-DA18-4842-9C2D-8C72512602C0}"/>
            </ac:spMkLst>
          </pc:spChg>
          <pc:spChg chg="mod">
            <ac:chgData name="Anders Furuskär" userId="5c9f1a7d-b689-4c3c-9fb9-968669d3c21c" providerId="ADAL" clId="{F9FAD9AE-6342-434D-965D-0DE7D3FBD558}" dt="2020-01-10T08:02:51.663" v="1980" actId="790"/>
            <ac:spMkLst>
              <pc:docMk/>
              <pc:sldMasterMk cId="2523064765" sldId="2147483660"/>
              <pc:sldLayoutMk cId="3450366910" sldId="2147483667"/>
              <ac:spMk id="11" creationId="{0D3699C9-F9CA-4781-89C3-F0A901D1F1AF}"/>
            </ac:spMkLst>
          </pc:spChg>
        </pc:sldLayoutChg>
        <pc:sldLayoutChg chg="modSp">
          <pc:chgData name="Anders Furuskär" userId="5c9f1a7d-b689-4c3c-9fb9-968669d3c21c" providerId="ADAL" clId="{F9FAD9AE-6342-434D-965D-0DE7D3FBD558}" dt="2020-01-10T08:02:51.930" v="2178"/>
          <pc:sldLayoutMkLst>
            <pc:docMk/>
            <pc:sldMasterMk cId="2523064765" sldId="2147483660"/>
            <pc:sldLayoutMk cId="3593654033" sldId="2147483668"/>
          </pc:sldLayoutMkLst>
          <pc:spChg chg="mod">
            <ac:chgData name="Anders Furuskär" userId="5c9f1a7d-b689-4c3c-9fb9-968669d3c21c" providerId="ADAL" clId="{F9FAD9AE-6342-434D-965D-0DE7D3FBD558}" dt="2020-01-10T08:02:51.666" v="1983" actId="790"/>
            <ac:spMkLst>
              <pc:docMk/>
              <pc:sldMasterMk cId="2523064765" sldId="2147483660"/>
              <pc:sldLayoutMk cId="3593654033" sldId="2147483668"/>
              <ac:spMk id="4" creationId="{00000000-0000-0000-0000-000000000000}"/>
            </ac:spMkLst>
          </pc:spChg>
          <pc:spChg chg="mod">
            <ac:chgData name="Anders Furuskär" userId="5c9f1a7d-b689-4c3c-9fb9-968669d3c21c" providerId="ADAL" clId="{F9FAD9AE-6342-434D-965D-0DE7D3FBD558}" dt="2020-01-10T08:02:51.930" v="2178"/>
            <ac:spMkLst>
              <pc:docMk/>
              <pc:sldMasterMk cId="2523064765" sldId="2147483660"/>
              <pc:sldLayoutMk cId="3593654033" sldId="2147483668"/>
              <ac:spMk id="7" creationId="{88BB9017-2EBC-4916-882A-FAB5684DE9CF}"/>
            </ac:spMkLst>
          </pc:spChg>
          <pc:spChg chg="mod">
            <ac:chgData name="Anders Furuskär" userId="5c9f1a7d-b689-4c3c-9fb9-968669d3c21c" providerId="ADAL" clId="{F9FAD9AE-6342-434D-965D-0DE7D3FBD558}" dt="2020-01-10T08:02:51.669" v="1987" actId="790"/>
            <ac:spMkLst>
              <pc:docMk/>
              <pc:sldMasterMk cId="2523064765" sldId="2147483660"/>
              <pc:sldLayoutMk cId="3593654033" sldId="2147483668"/>
              <ac:spMk id="8" creationId="{E7F6A807-1479-4A4A-8685-DB8E37BEB19A}"/>
            </ac:spMkLst>
          </pc:spChg>
          <pc:spChg chg="mod">
            <ac:chgData name="Anders Furuskär" userId="5c9f1a7d-b689-4c3c-9fb9-968669d3c21c" providerId="ADAL" clId="{F9FAD9AE-6342-434D-965D-0DE7D3FBD558}" dt="2020-01-10T08:02:51.667" v="1984" actId="790"/>
            <ac:spMkLst>
              <pc:docMk/>
              <pc:sldMasterMk cId="2523064765" sldId="2147483660"/>
              <pc:sldLayoutMk cId="3593654033" sldId="2147483668"/>
              <ac:spMk id="10" creationId="{F1368AB3-821C-4A71-B119-C0A8AA44A93F}"/>
            </ac:spMkLst>
          </pc:spChg>
          <pc:spChg chg="mod">
            <ac:chgData name="Anders Furuskär" userId="5c9f1a7d-b689-4c3c-9fb9-968669d3c21c" providerId="ADAL" clId="{F9FAD9AE-6342-434D-965D-0DE7D3FBD558}" dt="2020-01-10T08:02:51.668" v="1985" actId="790"/>
            <ac:spMkLst>
              <pc:docMk/>
              <pc:sldMasterMk cId="2523064765" sldId="2147483660"/>
              <pc:sldLayoutMk cId="3593654033" sldId="2147483668"/>
              <ac:spMk id="11" creationId="{8561E9FC-533B-4891-A7E3-A3DDB1BD26FB}"/>
            </ac:spMkLst>
          </pc:spChg>
        </pc:sldLayoutChg>
        <pc:sldLayoutChg chg="modSp">
          <pc:chgData name="Anders Furuskär" userId="5c9f1a7d-b689-4c3c-9fb9-968669d3c21c" providerId="ADAL" clId="{F9FAD9AE-6342-434D-965D-0DE7D3FBD558}" dt="2020-01-10T08:02:51.934" v="2181"/>
          <pc:sldLayoutMkLst>
            <pc:docMk/>
            <pc:sldMasterMk cId="2523064765" sldId="2147483660"/>
            <pc:sldLayoutMk cId="4136202525" sldId="2147483669"/>
          </pc:sldLayoutMkLst>
          <pc:spChg chg="mod">
            <ac:chgData name="Anders Furuskär" userId="5c9f1a7d-b689-4c3c-9fb9-968669d3c21c" providerId="ADAL" clId="{F9FAD9AE-6342-434D-965D-0DE7D3FBD558}" dt="2020-01-10T08:02:51.670" v="1988" actId="790"/>
            <ac:spMkLst>
              <pc:docMk/>
              <pc:sldMasterMk cId="2523064765" sldId="2147483660"/>
              <pc:sldLayoutMk cId="4136202525" sldId="2147483669"/>
              <ac:spMk id="4" creationId="{00000000-0000-0000-0000-000000000000}"/>
            </ac:spMkLst>
          </pc:spChg>
          <pc:spChg chg="mod">
            <ac:chgData name="Anders Furuskär" userId="5c9f1a7d-b689-4c3c-9fb9-968669d3c21c" providerId="ADAL" clId="{F9FAD9AE-6342-434D-965D-0DE7D3FBD558}" dt="2020-01-10T08:02:51.934" v="2181"/>
            <ac:spMkLst>
              <pc:docMk/>
              <pc:sldMasterMk cId="2523064765" sldId="2147483660"/>
              <pc:sldLayoutMk cId="4136202525" sldId="2147483669"/>
              <ac:spMk id="7" creationId="{515DEFEB-D8FB-411D-89D1-C457BD4FE531}"/>
            </ac:spMkLst>
          </pc:spChg>
          <pc:spChg chg="mod">
            <ac:chgData name="Anders Furuskär" userId="5c9f1a7d-b689-4c3c-9fb9-968669d3c21c" providerId="ADAL" clId="{F9FAD9AE-6342-434D-965D-0DE7D3FBD558}" dt="2020-01-10T08:02:51.676" v="1992" actId="790"/>
            <ac:spMkLst>
              <pc:docMk/>
              <pc:sldMasterMk cId="2523064765" sldId="2147483660"/>
              <pc:sldLayoutMk cId="4136202525" sldId="2147483669"/>
              <ac:spMk id="8" creationId="{3E2F9C47-A316-4B0F-8C2E-D42B253351EB}"/>
            </ac:spMkLst>
          </pc:spChg>
          <pc:spChg chg="mod">
            <ac:chgData name="Anders Furuskär" userId="5c9f1a7d-b689-4c3c-9fb9-968669d3c21c" providerId="ADAL" clId="{F9FAD9AE-6342-434D-965D-0DE7D3FBD558}" dt="2020-01-10T08:02:51.671" v="1989" actId="790"/>
            <ac:spMkLst>
              <pc:docMk/>
              <pc:sldMasterMk cId="2523064765" sldId="2147483660"/>
              <pc:sldLayoutMk cId="4136202525" sldId="2147483669"/>
              <ac:spMk id="12" creationId="{93CB56C1-2916-4C60-8532-A023564D2C57}"/>
            </ac:spMkLst>
          </pc:spChg>
          <pc:spChg chg="mod">
            <ac:chgData name="Anders Furuskär" userId="5c9f1a7d-b689-4c3c-9fb9-968669d3c21c" providerId="ADAL" clId="{F9FAD9AE-6342-434D-965D-0DE7D3FBD558}" dt="2020-01-10T08:02:51.673" v="1990" actId="790"/>
            <ac:spMkLst>
              <pc:docMk/>
              <pc:sldMasterMk cId="2523064765" sldId="2147483660"/>
              <pc:sldLayoutMk cId="4136202525" sldId="2147483669"/>
              <ac:spMk id="13" creationId="{61DC6511-5700-4E95-89CA-81484C248C03}"/>
            </ac:spMkLst>
          </pc:spChg>
        </pc:sldLayoutChg>
        <pc:sldLayoutChg chg="modSp">
          <pc:chgData name="Anders Furuskär" userId="5c9f1a7d-b689-4c3c-9fb9-968669d3c21c" providerId="ADAL" clId="{F9FAD9AE-6342-434D-965D-0DE7D3FBD558}" dt="2020-01-10T08:02:51.938" v="2184"/>
          <pc:sldLayoutMkLst>
            <pc:docMk/>
            <pc:sldMasterMk cId="2523064765" sldId="2147483660"/>
            <pc:sldLayoutMk cId="1267818655" sldId="2147483670"/>
          </pc:sldLayoutMkLst>
          <pc:spChg chg="mod">
            <ac:chgData name="Anders Furuskär" userId="5c9f1a7d-b689-4c3c-9fb9-968669d3c21c" providerId="ADAL" clId="{F9FAD9AE-6342-434D-965D-0DE7D3FBD558}" dt="2020-01-10T08:02:51.676" v="1993" actId="790"/>
            <ac:spMkLst>
              <pc:docMk/>
              <pc:sldMasterMk cId="2523064765" sldId="2147483660"/>
              <pc:sldLayoutMk cId="1267818655" sldId="2147483670"/>
              <ac:spMk id="4" creationId="{00000000-0000-0000-0000-000000000000}"/>
            </ac:spMkLst>
          </pc:spChg>
          <pc:spChg chg="mod">
            <ac:chgData name="Anders Furuskär" userId="5c9f1a7d-b689-4c3c-9fb9-968669d3c21c" providerId="ADAL" clId="{F9FAD9AE-6342-434D-965D-0DE7D3FBD558}" dt="2020-01-10T08:02:51.938" v="2184"/>
            <ac:spMkLst>
              <pc:docMk/>
              <pc:sldMasterMk cId="2523064765" sldId="2147483660"/>
              <pc:sldLayoutMk cId="1267818655" sldId="2147483670"/>
              <ac:spMk id="7" creationId="{E08DADFB-44CC-4810-9193-0C9F586CE666}"/>
            </ac:spMkLst>
          </pc:spChg>
          <pc:spChg chg="mod">
            <ac:chgData name="Anders Furuskär" userId="5c9f1a7d-b689-4c3c-9fb9-968669d3c21c" providerId="ADAL" clId="{F9FAD9AE-6342-434D-965D-0DE7D3FBD558}" dt="2020-01-10T08:02:51.680" v="1997" actId="790"/>
            <ac:spMkLst>
              <pc:docMk/>
              <pc:sldMasterMk cId="2523064765" sldId="2147483660"/>
              <pc:sldLayoutMk cId="1267818655" sldId="2147483670"/>
              <ac:spMk id="8" creationId="{B20F1184-2943-4F17-9C57-995EA2003751}"/>
            </ac:spMkLst>
          </pc:spChg>
          <pc:spChg chg="mod">
            <ac:chgData name="Anders Furuskär" userId="5c9f1a7d-b689-4c3c-9fb9-968669d3c21c" providerId="ADAL" clId="{F9FAD9AE-6342-434D-965D-0DE7D3FBD558}" dt="2020-01-10T08:02:51.677" v="1994" actId="790"/>
            <ac:spMkLst>
              <pc:docMk/>
              <pc:sldMasterMk cId="2523064765" sldId="2147483660"/>
              <pc:sldLayoutMk cId="1267818655" sldId="2147483670"/>
              <ac:spMk id="12" creationId="{93CB56C1-2916-4C60-8532-A023564D2C57}"/>
            </ac:spMkLst>
          </pc:spChg>
          <pc:spChg chg="mod">
            <ac:chgData name="Anders Furuskär" userId="5c9f1a7d-b689-4c3c-9fb9-968669d3c21c" providerId="ADAL" clId="{F9FAD9AE-6342-434D-965D-0DE7D3FBD558}" dt="2020-01-10T08:02:51.677" v="1995" actId="790"/>
            <ac:spMkLst>
              <pc:docMk/>
              <pc:sldMasterMk cId="2523064765" sldId="2147483660"/>
              <pc:sldLayoutMk cId="1267818655" sldId="2147483670"/>
              <ac:spMk id="13" creationId="{61DC6511-5700-4E95-89CA-81484C248C03}"/>
            </ac:spMkLst>
          </pc:spChg>
        </pc:sldLayoutChg>
        <pc:sldLayoutChg chg="modSp">
          <pc:chgData name="Anders Furuskär" userId="5c9f1a7d-b689-4c3c-9fb9-968669d3c21c" providerId="ADAL" clId="{F9FAD9AE-6342-434D-965D-0DE7D3FBD558}" dt="2020-01-10T08:02:51.942" v="2187"/>
          <pc:sldLayoutMkLst>
            <pc:docMk/>
            <pc:sldMasterMk cId="2523064765" sldId="2147483660"/>
            <pc:sldLayoutMk cId="3355176887" sldId="2147483671"/>
          </pc:sldLayoutMkLst>
          <pc:spChg chg="mod">
            <ac:chgData name="Anders Furuskär" userId="5c9f1a7d-b689-4c3c-9fb9-968669d3c21c" providerId="ADAL" clId="{F9FAD9AE-6342-434D-965D-0DE7D3FBD558}" dt="2020-01-10T08:02:51.942" v="2187"/>
            <ac:spMkLst>
              <pc:docMk/>
              <pc:sldMasterMk cId="2523064765" sldId="2147483660"/>
              <pc:sldLayoutMk cId="3355176887" sldId="2147483671"/>
              <ac:spMk id="4" creationId="{7AB1CD1C-AD0D-4C0E-8012-BDF9F1E4C38B}"/>
            </ac:spMkLst>
          </pc:spChg>
          <pc:spChg chg="mod">
            <ac:chgData name="Anders Furuskär" userId="5c9f1a7d-b689-4c3c-9fb9-968669d3c21c" providerId="ADAL" clId="{F9FAD9AE-6342-434D-965D-0DE7D3FBD558}" dt="2020-01-10T08:02:51.683" v="2001" actId="790"/>
            <ac:spMkLst>
              <pc:docMk/>
              <pc:sldMasterMk cId="2523064765" sldId="2147483660"/>
              <pc:sldLayoutMk cId="3355176887" sldId="2147483671"/>
              <ac:spMk id="5" creationId="{280FD398-9480-44AE-B01C-23BDC7D4B6B7}"/>
            </ac:spMkLst>
          </pc:spChg>
          <pc:spChg chg="mod">
            <ac:chgData name="Anders Furuskär" userId="5c9f1a7d-b689-4c3c-9fb9-968669d3c21c" providerId="ADAL" clId="{F9FAD9AE-6342-434D-965D-0DE7D3FBD558}" dt="2020-01-10T08:02:51.681" v="1998" actId="790"/>
            <ac:spMkLst>
              <pc:docMk/>
              <pc:sldMasterMk cId="2523064765" sldId="2147483660"/>
              <pc:sldLayoutMk cId="3355176887" sldId="2147483671"/>
              <ac:spMk id="9" creationId="{696C7C8F-5086-466A-8108-2FE0A8663D59}"/>
            </ac:spMkLst>
          </pc:spChg>
          <pc:spChg chg="mod">
            <ac:chgData name="Anders Furuskär" userId="5c9f1a7d-b689-4c3c-9fb9-968669d3c21c" providerId="ADAL" clId="{F9FAD9AE-6342-434D-965D-0DE7D3FBD558}" dt="2020-01-10T08:02:51.681" v="1999" actId="790"/>
            <ac:spMkLst>
              <pc:docMk/>
              <pc:sldMasterMk cId="2523064765" sldId="2147483660"/>
              <pc:sldLayoutMk cId="3355176887" sldId="2147483671"/>
              <ac:spMk id="10" creationId="{ED5DEA0B-CF0D-4EE6-B6A8-90BAF3DE8AF1}"/>
            </ac:spMkLst>
          </pc:spChg>
        </pc:sldLayoutChg>
        <pc:sldLayoutChg chg="modSp">
          <pc:chgData name="Anders Furuskär" userId="5c9f1a7d-b689-4c3c-9fb9-968669d3c21c" providerId="ADAL" clId="{F9FAD9AE-6342-434D-965D-0DE7D3FBD558}" dt="2020-01-10T08:02:51.947" v="2190"/>
          <pc:sldLayoutMkLst>
            <pc:docMk/>
            <pc:sldMasterMk cId="2523064765" sldId="2147483660"/>
            <pc:sldLayoutMk cId="1793964376" sldId="2147483672"/>
          </pc:sldLayoutMkLst>
          <pc:spChg chg="mod">
            <ac:chgData name="Anders Furuskär" userId="5c9f1a7d-b689-4c3c-9fb9-968669d3c21c" providerId="ADAL" clId="{F9FAD9AE-6342-434D-965D-0DE7D3FBD558}" dt="2020-01-10T08:02:51.947" v="2190"/>
            <ac:spMkLst>
              <pc:docMk/>
              <pc:sldMasterMk cId="2523064765" sldId="2147483660"/>
              <pc:sldLayoutMk cId="1793964376" sldId="2147483672"/>
              <ac:spMk id="3" creationId="{76D5DBE1-F5A0-4F54-BCB1-8A4278408056}"/>
            </ac:spMkLst>
          </pc:spChg>
          <pc:spChg chg="mod">
            <ac:chgData name="Anders Furuskär" userId="5c9f1a7d-b689-4c3c-9fb9-968669d3c21c" providerId="ADAL" clId="{F9FAD9AE-6342-434D-965D-0DE7D3FBD558}" dt="2020-01-10T08:02:51.686" v="2004" actId="790"/>
            <ac:spMkLst>
              <pc:docMk/>
              <pc:sldMasterMk cId="2523064765" sldId="2147483660"/>
              <pc:sldLayoutMk cId="1793964376" sldId="2147483672"/>
              <ac:spMk id="4" creationId="{EBCE69E9-15BF-463F-B5D4-3C1F6E9F6B53}"/>
            </ac:spMkLst>
          </pc:spChg>
          <pc:spChg chg="mod">
            <ac:chgData name="Anders Furuskär" userId="5c9f1a7d-b689-4c3c-9fb9-968669d3c21c" providerId="ADAL" clId="{F9FAD9AE-6342-434D-965D-0DE7D3FBD558}" dt="2020-01-10T08:02:51.683" v="2002" actId="790"/>
            <ac:spMkLst>
              <pc:docMk/>
              <pc:sldMasterMk cId="2523064765" sldId="2147483660"/>
              <pc:sldLayoutMk cId="1793964376" sldId="2147483672"/>
              <ac:spMk id="22531" creationId="{00000000-0000-0000-0000-000000000000}"/>
            </ac:spMkLst>
          </pc:spChg>
        </pc:sldLayoutChg>
        <pc:sldLayoutChg chg="modSp">
          <pc:chgData name="Anders Furuskär" userId="5c9f1a7d-b689-4c3c-9fb9-968669d3c21c" providerId="ADAL" clId="{F9FAD9AE-6342-434D-965D-0DE7D3FBD558}" dt="2020-01-10T08:02:51.954" v="2196"/>
          <pc:sldLayoutMkLst>
            <pc:docMk/>
            <pc:sldMasterMk cId="2523064765" sldId="2147483660"/>
            <pc:sldLayoutMk cId="3415456144" sldId="2147483673"/>
          </pc:sldLayoutMkLst>
          <pc:spChg chg="mod">
            <ac:chgData name="Anders Furuskär" userId="5c9f1a7d-b689-4c3c-9fb9-968669d3c21c" providerId="ADAL" clId="{F9FAD9AE-6342-434D-965D-0DE7D3FBD558}" dt="2020-01-10T08:02:51.954" v="2196"/>
            <ac:spMkLst>
              <pc:docMk/>
              <pc:sldMasterMk cId="2523064765" sldId="2147483660"/>
              <pc:sldLayoutMk cId="3415456144" sldId="2147483673"/>
              <ac:spMk id="3" creationId="{C44ECCE6-4D94-443E-8C20-CA233A5C0572}"/>
            </ac:spMkLst>
          </pc:spChg>
          <pc:spChg chg="mod">
            <ac:chgData name="Anders Furuskär" userId="5c9f1a7d-b689-4c3c-9fb9-968669d3c21c" providerId="ADAL" clId="{F9FAD9AE-6342-434D-965D-0DE7D3FBD558}" dt="2020-01-10T08:02:51.689" v="2007" actId="790"/>
            <ac:spMkLst>
              <pc:docMk/>
              <pc:sldMasterMk cId="2523064765" sldId="2147483660"/>
              <pc:sldLayoutMk cId="3415456144" sldId="2147483673"/>
              <ac:spMk id="4" creationId="{00000000-0000-0000-0000-000000000000}"/>
            </ac:spMkLst>
          </pc:spChg>
          <pc:spChg chg="mod">
            <ac:chgData name="Anders Furuskär" userId="5c9f1a7d-b689-4c3c-9fb9-968669d3c21c" providerId="ADAL" clId="{F9FAD9AE-6342-434D-965D-0DE7D3FBD558}" dt="2020-01-10T08:02:51.690" v="2009" actId="790"/>
            <ac:spMkLst>
              <pc:docMk/>
              <pc:sldMasterMk cId="2523064765" sldId="2147483660"/>
              <pc:sldLayoutMk cId="3415456144" sldId="2147483673"/>
              <ac:spMk id="5" creationId="{CA0A38D4-B093-4CE6-9935-648A137BFECE}"/>
            </ac:spMkLst>
          </pc:spChg>
        </pc:sldLayoutChg>
        <pc:sldLayoutChg chg="modSp">
          <pc:chgData name="Anders Furuskär" userId="5c9f1a7d-b689-4c3c-9fb9-968669d3c21c" providerId="ADAL" clId="{F9FAD9AE-6342-434D-965D-0DE7D3FBD558}" dt="2020-01-10T08:02:51.986" v="2220"/>
          <pc:sldLayoutMkLst>
            <pc:docMk/>
            <pc:sldMasterMk cId="2523064765" sldId="2147483660"/>
            <pc:sldLayoutMk cId="3933167755" sldId="2147483674"/>
          </pc:sldLayoutMkLst>
          <pc:spChg chg="mod">
            <ac:chgData name="Anders Furuskär" userId="5c9f1a7d-b689-4c3c-9fb9-968669d3c21c" providerId="ADAL" clId="{F9FAD9AE-6342-434D-965D-0DE7D3FBD558}" dt="2020-01-10T08:02:51.719" v="2039" actId="790"/>
            <ac:spMkLst>
              <pc:docMk/>
              <pc:sldMasterMk cId="2523064765" sldId="2147483660"/>
              <pc:sldLayoutMk cId="3933167755" sldId="2147483674"/>
              <ac:spMk id="3" creationId="{810CFEFC-6AC8-4817-A0D3-6029D48BD293}"/>
            </ac:spMkLst>
          </pc:spChg>
          <pc:spChg chg="mod">
            <ac:chgData name="Anders Furuskär" userId="5c9f1a7d-b689-4c3c-9fb9-968669d3c21c" providerId="ADAL" clId="{F9FAD9AE-6342-434D-965D-0DE7D3FBD558}" dt="2020-01-10T08:02:51.717" v="2038" actId="790"/>
            <ac:spMkLst>
              <pc:docMk/>
              <pc:sldMasterMk cId="2523064765" sldId="2147483660"/>
              <pc:sldLayoutMk cId="3933167755" sldId="2147483674"/>
              <ac:spMk id="5" creationId="{00000000-0000-0000-0000-000000000000}"/>
            </ac:spMkLst>
          </pc:spChg>
          <pc:spChg chg="mod">
            <ac:chgData name="Anders Furuskär" userId="5c9f1a7d-b689-4c3c-9fb9-968669d3c21c" providerId="ADAL" clId="{F9FAD9AE-6342-434D-965D-0DE7D3FBD558}" dt="2020-01-10T08:02:51.986" v="2220"/>
            <ac:spMkLst>
              <pc:docMk/>
              <pc:sldMasterMk cId="2523064765" sldId="2147483660"/>
              <pc:sldLayoutMk cId="3933167755" sldId="2147483674"/>
              <ac:spMk id="8" creationId="{C2AD0284-E6BA-49D8-AB3F-D94DBB1D54F0}"/>
            </ac:spMkLst>
          </pc:spChg>
          <pc:spChg chg="mod">
            <ac:chgData name="Anders Furuskär" userId="5c9f1a7d-b689-4c3c-9fb9-968669d3c21c" providerId="ADAL" clId="{F9FAD9AE-6342-434D-965D-0DE7D3FBD558}" dt="2020-01-10T08:02:51.720" v="2041" actId="790"/>
            <ac:spMkLst>
              <pc:docMk/>
              <pc:sldMasterMk cId="2523064765" sldId="2147483660"/>
              <pc:sldLayoutMk cId="3933167755" sldId="2147483674"/>
              <ac:spMk id="11" creationId="{87C4DFC4-62BA-4C52-B36B-44A75684A81F}"/>
            </ac:spMkLst>
          </pc:spChg>
        </pc:sldLayoutChg>
        <pc:sldLayoutChg chg="modSp">
          <pc:chgData name="Anders Furuskär" userId="5c9f1a7d-b689-4c3c-9fb9-968669d3c21c" providerId="ADAL" clId="{F9FAD9AE-6342-434D-965D-0DE7D3FBD558}" dt="2020-01-10T08:02:52.017" v="2241"/>
          <pc:sldLayoutMkLst>
            <pc:docMk/>
            <pc:sldMasterMk cId="2523064765" sldId="2147483660"/>
            <pc:sldLayoutMk cId="675883818" sldId="2147483675"/>
          </pc:sldLayoutMkLst>
          <pc:spChg chg="mod">
            <ac:chgData name="Anders Furuskär" userId="5c9f1a7d-b689-4c3c-9fb9-968669d3c21c" providerId="ADAL" clId="{F9FAD9AE-6342-434D-965D-0DE7D3FBD558}" dt="2020-01-10T08:02:51.752" v="2069" actId="790"/>
            <ac:spMkLst>
              <pc:docMk/>
              <pc:sldMasterMk cId="2523064765" sldId="2147483660"/>
              <pc:sldLayoutMk cId="675883818" sldId="2147483675"/>
              <ac:spMk id="3" creationId="{00000000-0000-0000-0000-000000000000}"/>
            </ac:spMkLst>
          </pc:spChg>
          <pc:spChg chg="mod">
            <ac:chgData name="Anders Furuskär" userId="5c9f1a7d-b689-4c3c-9fb9-968669d3c21c" providerId="ADAL" clId="{F9FAD9AE-6342-434D-965D-0DE7D3FBD558}" dt="2020-01-10T08:02:51.753" v="2070" actId="790"/>
            <ac:spMkLst>
              <pc:docMk/>
              <pc:sldMasterMk cId="2523064765" sldId="2147483660"/>
              <pc:sldLayoutMk cId="675883818" sldId="2147483675"/>
              <ac:spMk id="5" creationId="{00000000-0000-0000-0000-000000000000}"/>
            </ac:spMkLst>
          </pc:spChg>
          <pc:spChg chg="mod">
            <ac:chgData name="Anders Furuskär" userId="5c9f1a7d-b689-4c3c-9fb9-968669d3c21c" providerId="ADAL" clId="{F9FAD9AE-6342-434D-965D-0DE7D3FBD558}" dt="2020-01-10T08:02:51.751" v="2068" actId="790"/>
            <ac:spMkLst>
              <pc:docMk/>
              <pc:sldMasterMk cId="2523064765" sldId="2147483660"/>
              <pc:sldLayoutMk cId="675883818" sldId="2147483675"/>
              <ac:spMk id="6" creationId="{891BF4C4-9DF9-4D9F-A738-37FBCD45AA68}"/>
            </ac:spMkLst>
          </pc:spChg>
          <pc:spChg chg="mod">
            <ac:chgData name="Anders Furuskär" userId="5c9f1a7d-b689-4c3c-9fb9-968669d3c21c" providerId="ADAL" clId="{F9FAD9AE-6342-434D-965D-0DE7D3FBD558}" dt="2020-01-10T08:02:52.017" v="2241"/>
            <ac:spMkLst>
              <pc:docMk/>
              <pc:sldMasterMk cId="2523064765" sldId="2147483660"/>
              <pc:sldLayoutMk cId="675883818" sldId="2147483675"/>
              <ac:spMk id="8" creationId="{53797230-5A6C-4718-8C90-CB9F2709B382}"/>
            </ac:spMkLst>
          </pc:spChg>
          <pc:spChg chg="mod">
            <ac:chgData name="Anders Furuskär" userId="5c9f1a7d-b689-4c3c-9fb9-968669d3c21c" providerId="ADAL" clId="{F9FAD9AE-6342-434D-965D-0DE7D3FBD558}" dt="2020-01-10T08:02:51.756" v="2072" actId="790"/>
            <ac:spMkLst>
              <pc:docMk/>
              <pc:sldMasterMk cId="2523064765" sldId="2147483660"/>
              <pc:sldLayoutMk cId="675883818" sldId="2147483675"/>
              <ac:spMk id="9" creationId="{F6894424-A363-4771-BFDF-A3CD35CCD7D5}"/>
            </ac:spMkLst>
          </pc:spChg>
        </pc:sldLayoutChg>
        <pc:sldLayoutChg chg="modSp">
          <pc:chgData name="Anders Furuskär" userId="5c9f1a7d-b689-4c3c-9fb9-968669d3c21c" providerId="ADAL" clId="{F9FAD9AE-6342-434D-965D-0DE7D3FBD558}" dt="2020-01-10T08:02:52.021" v="2244"/>
          <pc:sldLayoutMkLst>
            <pc:docMk/>
            <pc:sldMasterMk cId="2523064765" sldId="2147483660"/>
            <pc:sldLayoutMk cId="192221419" sldId="2147483676"/>
          </pc:sldLayoutMkLst>
          <pc:spChg chg="mod">
            <ac:chgData name="Anders Furuskär" userId="5c9f1a7d-b689-4c3c-9fb9-968669d3c21c" providerId="ADAL" clId="{F9FAD9AE-6342-434D-965D-0DE7D3FBD558}" dt="2020-01-10T08:02:51.760" v="2075" actId="790"/>
            <ac:spMkLst>
              <pc:docMk/>
              <pc:sldMasterMk cId="2523064765" sldId="2147483660"/>
              <pc:sldLayoutMk cId="192221419" sldId="2147483676"/>
              <ac:spMk id="6" creationId="{00000000-0000-0000-0000-000000000000}"/>
            </ac:spMkLst>
          </pc:spChg>
          <pc:spChg chg="mod">
            <ac:chgData name="Anders Furuskär" userId="5c9f1a7d-b689-4c3c-9fb9-968669d3c21c" providerId="ADAL" clId="{F9FAD9AE-6342-434D-965D-0DE7D3FBD558}" dt="2020-01-10T08:02:51.756" v="2073" actId="790"/>
            <ac:spMkLst>
              <pc:docMk/>
              <pc:sldMasterMk cId="2523064765" sldId="2147483660"/>
              <pc:sldLayoutMk cId="192221419" sldId="2147483676"/>
              <ac:spMk id="7" creationId="{B1CFD82C-8968-4B87-A964-6288AF293D77}"/>
            </ac:spMkLst>
          </pc:spChg>
          <pc:spChg chg="mod">
            <ac:chgData name="Anders Furuskär" userId="5c9f1a7d-b689-4c3c-9fb9-968669d3c21c" providerId="ADAL" clId="{F9FAD9AE-6342-434D-965D-0DE7D3FBD558}" dt="2020-01-10T08:02:51.758" v="2074" actId="790"/>
            <ac:spMkLst>
              <pc:docMk/>
              <pc:sldMasterMk cId="2523064765" sldId="2147483660"/>
              <pc:sldLayoutMk cId="192221419" sldId="2147483676"/>
              <ac:spMk id="8" creationId="{00000000-0000-0000-0000-000000000000}"/>
            </ac:spMkLst>
          </pc:spChg>
          <pc:spChg chg="mod">
            <ac:chgData name="Anders Furuskär" userId="5c9f1a7d-b689-4c3c-9fb9-968669d3c21c" providerId="ADAL" clId="{F9FAD9AE-6342-434D-965D-0DE7D3FBD558}" dt="2020-01-10T08:02:52.021" v="2244"/>
            <ac:spMkLst>
              <pc:docMk/>
              <pc:sldMasterMk cId="2523064765" sldId="2147483660"/>
              <pc:sldLayoutMk cId="192221419" sldId="2147483676"/>
              <ac:spMk id="9" creationId="{00E7BBCA-E768-4FD9-82EA-328297783367}"/>
            </ac:spMkLst>
          </pc:spChg>
          <pc:spChg chg="mod">
            <ac:chgData name="Anders Furuskär" userId="5c9f1a7d-b689-4c3c-9fb9-968669d3c21c" providerId="ADAL" clId="{F9FAD9AE-6342-434D-965D-0DE7D3FBD558}" dt="2020-01-10T08:02:51.761" v="2077" actId="790"/>
            <ac:spMkLst>
              <pc:docMk/>
              <pc:sldMasterMk cId="2523064765" sldId="2147483660"/>
              <pc:sldLayoutMk cId="192221419" sldId="2147483676"/>
              <ac:spMk id="11" creationId="{A72F0A55-0A74-4EC8-A6C3-6ADA907353CE}"/>
            </ac:spMkLst>
          </pc:spChg>
        </pc:sldLayoutChg>
        <pc:sldLayoutChg chg="modSp">
          <pc:chgData name="Anders Furuskär" userId="5c9f1a7d-b689-4c3c-9fb9-968669d3c21c" providerId="ADAL" clId="{F9FAD9AE-6342-434D-965D-0DE7D3FBD558}" dt="2020-01-10T08:02:52.047" v="2262"/>
          <pc:sldLayoutMkLst>
            <pc:docMk/>
            <pc:sldMasterMk cId="2523064765" sldId="2147483660"/>
            <pc:sldLayoutMk cId="1896068706" sldId="2147483677"/>
          </pc:sldLayoutMkLst>
          <pc:spChg chg="mod">
            <ac:chgData name="Anders Furuskär" userId="5c9f1a7d-b689-4c3c-9fb9-968669d3c21c" providerId="ADAL" clId="{F9FAD9AE-6342-434D-965D-0DE7D3FBD558}" dt="2020-01-10T08:02:51.795" v="2105" actId="790"/>
            <ac:spMkLst>
              <pc:docMk/>
              <pc:sldMasterMk cId="2523064765" sldId="2147483660"/>
              <pc:sldLayoutMk cId="1896068706" sldId="2147483677"/>
              <ac:spMk id="4" creationId="{00000000-0000-0000-0000-000000000000}"/>
            </ac:spMkLst>
          </pc:spChg>
          <pc:spChg chg="mod">
            <ac:chgData name="Anders Furuskär" userId="5c9f1a7d-b689-4c3c-9fb9-968669d3c21c" providerId="ADAL" clId="{F9FAD9AE-6342-434D-965D-0DE7D3FBD558}" dt="2020-01-10T08:02:51.796" v="2106" actId="790"/>
            <ac:spMkLst>
              <pc:docMk/>
              <pc:sldMasterMk cId="2523064765" sldId="2147483660"/>
              <pc:sldLayoutMk cId="1896068706" sldId="2147483677"/>
              <ac:spMk id="6" creationId="{00000000-0000-0000-0000-000000000000}"/>
            </ac:spMkLst>
          </pc:spChg>
          <pc:spChg chg="mod">
            <ac:chgData name="Anders Furuskär" userId="5c9f1a7d-b689-4c3c-9fb9-968669d3c21c" providerId="ADAL" clId="{F9FAD9AE-6342-434D-965D-0DE7D3FBD558}" dt="2020-01-10T08:02:51.793" v="2104" actId="790"/>
            <ac:spMkLst>
              <pc:docMk/>
              <pc:sldMasterMk cId="2523064765" sldId="2147483660"/>
              <pc:sldLayoutMk cId="1896068706" sldId="2147483677"/>
              <ac:spMk id="7" creationId="{7EEF5633-BC13-4AEA-AEF5-CE2675504D30}"/>
            </ac:spMkLst>
          </pc:spChg>
          <pc:spChg chg="mod">
            <ac:chgData name="Anders Furuskär" userId="5c9f1a7d-b689-4c3c-9fb9-968669d3c21c" providerId="ADAL" clId="{F9FAD9AE-6342-434D-965D-0DE7D3FBD558}" dt="2020-01-10T08:02:51.798" v="2107" actId="790"/>
            <ac:spMkLst>
              <pc:docMk/>
              <pc:sldMasterMk cId="2523064765" sldId="2147483660"/>
              <pc:sldLayoutMk cId="1896068706" sldId="2147483677"/>
              <ac:spMk id="8" creationId="{00000000-0000-0000-0000-000000000000}"/>
            </ac:spMkLst>
          </pc:spChg>
          <pc:spChg chg="mod">
            <ac:chgData name="Anders Furuskär" userId="5c9f1a7d-b689-4c3c-9fb9-968669d3c21c" providerId="ADAL" clId="{F9FAD9AE-6342-434D-965D-0DE7D3FBD558}" dt="2020-01-10T08:02:52.047" v="2262"/>
            <ac:spMkLst>
              <pc:docMk/>
              <pc:sldMasterMk cId="2523064765" sldId="2147483660"/>
              <pc:sldLayoutMk cId="1896068706" sldId="2147483677"/>
              <ac:spMk id="9" creationId="{4815D3F0-43E8-418F-A5E4-30F31668DC0E}"/>
            </ac:spMkLst>
          </pc:spChg>
          <pc:spChg chg="mod">
            <ac:chgData name="Anders Furuskär" userId="5c9f1a7d-b689-4c3c-9fb9-968669d3c21c" providerId="ADAL" clId="{F9FAD9AE-6342-434D-965D-0DE7D3FBD558}" dt="2020-01-10T08:02:51.799" v="2109" actId="790"/>
            <ac:spMkLst>
              <pc:docMk/>
              <pc:sldMasterMk cId="2523064765" sldId="2147483660"/>
              <pc:sldLayoutMk cId="1896068706" sldId="2147483677"/>
              <ac:spMk id="11" creationId="{EDCD44CA-6216-40D7-A43C-C84DC0870CD0}"/>
            </ac:spMkLst>
          </pc:spChg>
        </pc:sldLayoutChg>
        <pc:sldLayoutChg chg="modSp">
          <pc:chgData name="Anders Furuskär" userId="5c9f1a7d-b689-4c3c-9fb9-968669d3c21c" providerId="ADAL" clId="{F9FAD9AE-6342-434D-965D-0DE7D3FBD558}" dt="2020-01-10T08:02:52.052" v="2265"/>
          <pc:sldLayoutMkLst>
            <pc:docMk/>
            <pc:sldMasterMk cId="2523064765" sldId="2147483660"/>
            <pc:sldLayoutMk cId="2275899235" sldId="2147483678"/>
          </pc:sldLayoutMkLst>
          <pc:spChg chg="mod">
            <ac:chgData name="Anders Furuskär" userId="5c9f1a7d-b689-4c3c-9fb9-968669d3c21c" providerId="ADAL" clId="{F9FAD9AE-6342-434D-965D-0DE7D3FBD558}" dt="2020-01-10T08:02:51.801" v="2111" actId="790"/>
            <ac:spMkLst>
              <pc:docMk/>
              <pc:sldMasterMk cId="2523064765" sldId="2147483660"/>
              <pc:sldLayoutMk cId="2275899235" sldId="2147483678"/>
              <ac:spMk id="4" creationId="{00000000-0000-0000-0000-000000000000}"/>
            </ac:spMkLst>
          </pc:spChg>
          <pc:spChg chg="mod">
            <ac:chgData name="Anders Furuskär" userId="5c9f1a7d-b689-4c3c-9fb9-968669d3c21c" providerId="ADAL" clId="{F9FAD9AE-6342-434D-965D-0DE7D3FBD558}" dt="2020-01-10T08:02:51.803" v="2112" actId="790"/>
            <ac:spMkLst>
              <pc:docMk/>
              <pc:sldMasterMk cId="2523064765" sldId="2147483660"/>
              <pc:sldLayoutMk cId="2275899235" sldId="2147483678"/>
              <ac:spMk id="6" creationId="{00000000-0000-0000-0000-000000000000}"/>
            </ac:spMkLst>
          </pc:spChg>
          <pc:spChg chg="mod">
            <ac:chgData name="Anders Furuskär" userId="5c9f1a7d-b689-4c3c-9fb9-968669d3c21c" providerId="ADAL" clId="{F9FAD9AE-6342-434D-965D-0DE7D3FBD558}" dt="2020-01-10T08:02:51.800" v="2110" actId="790"/>
            <ac:spMkLst>
              <pc:docMk/>
              <pc:sldMasterMk cId="2523064765" sldId="2147483660"/>
              <pc:sldLayoutMk cId="2275899235" sldId="2147483678"/>
              <ac:spMk id="7" creationId="{F4D71A67-F349-4E68-B7B8-D53CE323A764}"/>
            </ac:spMkLst>
          </pc:spChg>
          <pc:spChg chg="mod">
            <ac:chgData name="Anders Furuskär" userId="5c9f1a7d-b689-4c3c-9fb9-968669d3c21c" providerId="ADAL" clId="{F9FAD9AE-6342-434D-965D-0DE7D3FBD558}" dt="2020-01-10T08:02:51.804" v="2113" actId="790"/>
            <ac:spMkLst>
              <pc:docMk/>
              <pc:sldMasterMk cId="2523064765" sldId="2147483660"/>
              <pc:sldLayoutMk cId="2275899235" sldId="2147483678"/>
              <ac:spMk id="8" creationId="{00000000-0000-0000-0000-000000000000}"/>
            </ac:spMkLst>
          </pc:spChg>
          <pc:spChg chg="mod">
            <ac:chgData name="Anders Furuskär" userId="5c9f1a7d-b689-4c3c-9fb9-968669d3c21c" providerId="ADAL" clId="{F9FAD9AE-6342-434D-965D-0DE7D3FBD558}" dt="2020-01-10T08:02:51.806" v="2114" actId="790"/>
            <ac:spMkLst>
              <pc:docMk/>
              <pc:sldMasterMk cId="2523064765" sldId="2147483660"/>
              <pc:sldLayoutMk cId="2275899235" sldId="2147483678"/>
              <ac:spMk id="9" creationId="{00000000-0000-0000-0000-000000000000}"/>
            </ac:spMkLst>
          </pc:spChg>
          <pc:spChg chg="mod">
            <ac:chgData name="Anders Furuskär" userId="5c9f1a7d-b689-4c3c-9fb9-968669d3c21c" providerId="ADAL" clId="{F9FAD9AE-6342-434D-965D-0DE7D3FBD558}" dt="2020-01-10T08:02:52.052" v="2265"/>
            <ac:spMkLst>
              <pc:docMk/>
              <pc:sldMasterMk cId="2523064765" sldId="2147483660"/>
              <pc:sldLayoutMk cId="2275899235" sldId="2147483678"/>
              <ac:spMk id="11" creationId="{A55C34B4-681E-4FDA-A9BB-6BC31D94C8D6}"/>
            </ac:spMkLst>
          </pc:spChg>
          <pc:spChg chg="mod">
            <ac:chgData name="Anders Furuskär" userId="5c9f1a7d-b689-4c3c-9fb9-968669d3c21c" providerId="ADAL" clId="{F9FAD9AE-6342-434D-965D-0DE7D3FBD558}" dt="2020-01-10T08:02:51.808" v="2116" actId="790"/>
            <ac:spMkLst>
              <pc:docMk/>
              <pc:sldMasterMk cId="2523064765" sldId="2147483660"/>
              <pc:sldLayoutMk cId="2275899235" sldId="2147483678"/>
              <ac:spMk id="12" creationId="{D7A387F2-835E-495C-A46F-E0BAED03A9A5}"/>
            </ac:spMkLst>
          </pc:spChg>
        </pc:sldLayoutChg>
        <pc:sldLayoutChg chg="modSp">
          <pc:chgData name="Anders Furuskär" userId="5c9f1a7d-b689-4c3c-9fb9-968669d3c21c" providerId="ADAL" clId="{F9FAD9AE-6342-434D-965D-0DE7D3FBD558}" dt="2020-01-10T08:02:52.055" v="2268"/>
          <pc:sldLayoutMkLst>
            <pc:docMk/>
            <pc:sldMasterMk cId="2523064765" sldId="2147483660"/>
            <pc:sldLayoutMk cId="1509090296" sldId="2147483679"/>
          </pc:sldLayoutMkLst>
          <pc:spChg chg="mod">
            <ac:chgData name="Anders Furuskär" userId="5c9f1a7d-b689-4c3c-9fb9-968669d3c21c" providerId="ADAL" clId="{F9FAD9AE-6342-434D-965D-0DE7D3FBD558}" dt="2020-01-10T08:02:51.810" v="2118" actId="790"/>
            <ac:spMkLst>
              <pc:docMk/>
              <pc:sldMasterMk cId="2523064765" sldId="2147483660"/>
              <pc:sldLayoutMk cId="1509090296" sldId="2147483679"/>
              <ac:spMk id="4" creationId="{00000000-0000-0000-0000-000000000000}"/>
            </ac:spMkLst>
          </pc:spChg>
          <pc:spChg chg="mod">
            <ac:chgData name="Anders Furuskär" userId="5c9f1a7d-b689-4c3c-9fb9-968669d3c21c" providerId="ADAL" clId="{F9FAD9AE-6342-434D-965D-0DE7D3FBD558}" dt="2020-01-10T08:02:51.811" v="2119" actId="790"/>
            <ac:spMkLst>
              <pc:docMk/>
              <pc:sldMasterMk cId="2523064765" sldId="2147483660"/>
              <pc:sldLayoutMk cId="1509090296" sldId="2147483679"/>
              <ac:spMk id="6" creationId="{00000000-0000-0000-0000-000000000000}"/>
            </ac:spMkLst>
          </pc:spChg>
          <pc:spChg chg="mod">
            <ac:chgData name="Anders Furuskär" userId="5c9f1a7d-b689-4c3c-9fb9-968669d3c21c" providerId="ADAL" clId="{F9FAD9AE-6342-434D-965D-0DE7D3FBD558}" dt="2020-01-10T08:02:51.809" v="2117" actId="790"/>
            <ac:spMkLst>
              <pc:docMk/>
              <pc:sldMasterMk cId="2523064765" sldId="2147483660"/>
              <pc:sldLayoutMk cId="1509090296" sldId="2147483679"/>
              <ac:spMk id="7" creationId="{CD0BB64A-768A-4118-B3E5-52B98C693831}"/>
            </ac:spMkLst>
          </pc:spChg>
          <pc:spChg chg="mod">
            <ac:chgData name="Anders Furuskär" userId="5c9f1a7d-b689-4c3c-9fb9-968669d3c21c" providerId="ADAL" clId="{F9FAD9AE-6342-434D-965D-0DE7D3FBD558}" dt="2020-01-10T08:02:51.812" v="2120" actId="790"/>
            <ac:spMkLst>
              <pc:docMk/>
              <pc:sldMasterMk cId="2523064765" sldId="2147483660"/>
              <pc:sldLayoutMk cId="1509090296" sldId="2147483679"/>
              <ac:spMk id="8" creationId="{00000000-0000-0000-0000-000000000000}"/>
            </ac:spMkLst>
          </pc:spChg>
          <pc:spChg chg="mod">
            <ac:chgData name="Anders Furuskär" userId="5c9f1a7d-b689-4c3c-9fb9-968669d3c21c" providerId="ADAL" clId="{F9FAD9AE-6342-434D-965D-0DE7D3FBD558}" dt="2020-01-10T08:02:51.813" v="2121" actId="790"/>
            <ac:spMkLst>
              <pc:docMk/>
              <pc:sldMasterMk cId="2523064765" sldId="2147483660"/>
              <pc:sldLayoutMk cId="1509090296" sldId="2147483679"/>
              <ac:spMk id="9" creationId="{00000000-0000-0000-0000-000000000000}"/>
            </ac:spMkLst>
          </pc:spChg>
          <pc:spChg chg="mod">
            <ac:chgData name="Anders Furuskär" userId="5c9f1a7d-b689-4c3c-9fb9-968669d3c21c" providerId="ADAL" clId="{F9FAD9AE-6342-434D-965D-0DE7D3FBD558}" dt="2020-01-10T08:02:52.055" v="2268"/>
            <ac:spMkLst>
              <pc:docMk/>
              <pc:sldMasterMk cId="2523064765" sldId="2147483660"/>
              <pc:sldLayoutMk cId="1509090296" sldId="2147483679"/>
              <ac:spMk id="11" creationId="{107CDD62-B47C-43AB-8BA0-F875DF45681E}"/>
            </ac:spMkLst>
          </pc:spChg>
          <pc:spChg chg="mod">
            <ac:chgData name="Anders Furuskär" userId="5c9f1a7d-b689-4c3c-9fb9-968669d3c21c" providerId="ADAL" clId="{F9FAD9AE-6342-434D-965D-0DE7D3FBD558}" dt="2020-01-10T08:02:51.815" v="2123" actId="790"/>
            <ac:spMkLst>
              <pc:docMk/>
              <pc:sldMasterMk cId="2523064765" sldId="2147483660"/>
              <pc:sldLayoutMk cId="1509090296" sldId="2147483679"/>
              <ac:spMk id="12" creationId="{18C6E5A5-2F53-43D5-8F46-313E672024E6}"/>
            </ac:spMkLst>
          </pc:spChg>
        </pc:sldLayoutChg>
        <pc:sldLayoutChg chg="modSp">
          <pc:chgData name="Anders Furuskär" userId="5c9f1a7d-b689-4c3c-9fb9-968669d3c21c" providerId="ADAL" clId="{F9FAD9AE-6342-434D-965D-0DE7D3FBD558}" dt="2020-01-10T08:02:52.060" v="2271"/>
          <pc:sldLayoutMkLst>
            <pc:docMk/>
            <pc:sldMasterMk cId="2523064765" sldId="2147483660"/>
            <pc:sldLayoutMk cId="3100695833" sldId="2147483680"/>
          </pc:sldLayoutMkLst>
          <pc:spChg chg="mod">
            <ac:chgData name="Anders Furuskär" userId="5c9f1a7d-b689-4c3c-9fb9-968669d3c21c" providerId="ADAL" clId="{F9FAD9AE-6342-434D-965D-0DE7D3FBD558}" dt="2020-01-10T08:02:51.817" v="2125" actId="790"/>
            <ac:spMkLst>
              <pc:docMk/>
              <pc:sldMasterMk cId="2523064765" sldId="2147483660"/>
              <pc:sldLayoutMk cId="3100695833" sldId="2147483680"/>
              <ac:spMk id="4" creationId="{00000000-0000-0000-0000-000000000000}"/>
            </ac:spMkLst>
          </pc:spChg>
          <pc:spChg chg="mod">
            <ac:chgData name="Anders Furuskär" userId="5c9f1a7d-b689-4c3c-9fb9-968669d3c21c" providerId="ADAL" clId="{F9FAD9AE-6342-434D-965D-0DE7D3FBD558}" dt="2020-01-10T08:02:51.818" v="2126" actId="790"/>
            <ac:spMkLst>
              <pc:docMk/>
              <pc:sldMasterMk cId="2523064765" sldId="2147483660"/>
              <pc:sldLayoutMk cId="3100695833" sldId="2147483680"/>
              <ac:spMk id="6" creationId="{00000000-0000-0000-0000-000000000000}"/>
            </ac:spMkLst>
          </pc:spChg>
          <pc:spChg chg="mod">
            <ac:chgData name="Anders Furuskär" userId="5c9f1a7d-b689-4c3c-9fb9-968669d3c21c" providerId="ADAL" clId="{F9FAD9AE-6342-434D-965D-0DE7D3FBD558}" dt="2020-01-10T08:02:51.816" v="2124" actId="790"/>
            <ac:spMkLst>
              <pc:docMk/>
              <pc:sldMasterMk cId="2523064765" sldId="2147483660"/>
              <pc:sldLayoutMk cId="3100695833" sldId="2147483680"/>
              <ac:spMk id="7" creationId="{F83268EB-5955-4A3F-8B85-E7C084E6FAF5}"/>
            </ac:spMkLst>
          </pc:spChg>
          <pc:spChg chg="mod">
            <ac:chgData name="Anders Furuskär" userId="5c9f1a7d-b689-4c3c-9fb9-968669d3c21c" providerId="ADAL" clId="{F9FAD9AE-6342-434D-965D-0DE7D3FBD558}" dt="2020-01-10T08:02:51.819" v="2127" actId="790"/>
            <ac:spMkLst>
              <pc:docMk/>
              <pc:sldMasterMk cId="2523064765" sldId="2147483660"/>
              <pc:sldLayoutMk cId="3100695833" sldId="2147483680"/>
              <ac:spMk id="8" creationId="{00000000-0000-0000-0000-000000000000}"/>
            </ac:spMkLst>
          </pc:spChg>
          <pc:spChg chg="mod">
            <ac:chgData name="Anders Furuskär" userId="5c9f1a7d-b689-4c3c-9fb9-968669d3c21c" providerId="ADAL" clId="{F9FAD9AE-6342-434D-965D-0DE7D3FBD558}" dt="2020-01-10T08:02:51.821" v="2128" actId="790"/>
            <ac:spMkLst>
              <pc:docMk/>
              <pc:sldMasterMk cId="2523064765" sldId="2147483660"/>
              <pc:sldLayoutMk cId="3100695833" sldId="2147483680"/>
              <ac:spMk id="9" creationId="{00000000-0000-0000-0000-000000000000}"/>
            </ac:spMkLst>
          </pc:spChg>
          <pc:spChg chg="mod">
            <ac:chgData name="Anders Furuskär" userId="5c9f1a7d-b689-4c3c-9fb9-968669d3c21c" providerId="ADAL" clId="{F9FAD9AE-6342-434D-965D-0DE7D3FBD558}" dt="2020-01-10T08:02:52.060" v="2271"/>
            <ac:spMkLst>
              <pc:docMk/>
              <pc:sldMasterMk cId="2523064765" sldId="2147483660"/>
              <pc:sldLayoutMk cId="3100695833" sldId="2147483680"/>
              <ac:spMk id="11" creationId="{A2963A4D-3277-42A5-8919-305DE5AD9247}"/>
            </ac:spMkLst>
          </pc:spChg>
          <pc:spChg chg="mod">
            <ac:chgData name="Anders Furuskär" userId="5c9f1a7d-b689-4c3c-9fb9-968669d3c21c" providerId="ADAL" clId="{F9FAD9AE-6342-434D-965D-0DE7D3FBD558}" dt="2020-01-10T08:02:51.823" v="2130" actId="790"/>
            <ac:spMkLst>
              <pc:docMk/>
              <pc:sldMasterMk cId="2523064765" sldId="2147483660"/>
              <pc:sldLayoutMk cId="3100695833" sldId="2147483680"/>
              <ac:spMk id="12" creationId="{E1242BA1-7F88-4EA2-ACA1-05CEF1F3A57D}"/>
            </ac:spMkLst>
          </pc:spChg>
        </pc:sldLayoutChg>
        <pc:sldLayoutChg chg="modSp">
          <pc:chgData name="Anders Furuskär" userId="5c9f1a7d-b689-4c3c-9fb9-968669d3c21c" providerId="ADAL" clId="{F9FAD9AE-6342-434D-965D-0DE7D3FBD558}" dt="2020-01-10T08:02:52.069" v="2277"/>
          <pc:sldLayoutMkLst>
            <pc:docMk/>
            <pc:sldMasterMk cId="2523064765" sldId="2147483660"/>
            <pc:sldLayoutMk cId="1436988196" sldId="2147483681"/>
          </pc:sldLayoutMkLst>
          <pc:spChg chg="mod">
            <ac:chgData name="Anders Furuskär" userId="5c9f1a7d-b689-4c3c-9fb9-968669d3c21c" providerId="ADAL" clId="{F9FAD9AE-6342-434D-965D-0DE7D3FBD558}" dt="2020-01-10T08:02:51.833" v="2139" actId="790"/>
            <ac:spMkLst>
              <pc:docMk/>
              <pc:sldMasterMk cId="2523064765" sldId="2147483660"/>
              <pc:sldLayoutMk cId="1436988196" sldId="2147483681"/>
              <ac:spMk id="3" creationId="{00000000-0000-0000-0000-000000000000}"/>
            </ac:spMkLst>
          </pc:spChg>
          <pc:spChg chg="mod">
            <ac:chgData name="Anders Furuskär" userId="5c9f1a7d-b689-4c3c-9fb9-968669d3c21c" providerId="ADAL" clId="{F9FAD9AE-6342-434D-965D-0DE7D3FBD558}" dt="2020-01-10T08:02:51.834" v="2140" actId="790"/>
            <ac:spMkLst>
              <pc:docMk/>
              <pc:sldMasterMk cId="2523064765" sldId="2147483660"/>
              <pc:sldLayoutMk cId="1436988196" sldId="2147483681"/>
              <ac:spMk id="4" creationId="{00000000-0000-0000-0000-000000000000}"/>
            </ac:spMkLst>
          </pc:spChg>
          <pc:spChg chg="mod">
            <ac:chgData name="Anders Furuskär" userId="5c9f1a7d-b689-4c3c-9fb9-968669d3c21c" providerId="ADAL" clId="{F9FAD9AE-6342-434D-965D-0DE7D3FBD558}" dt="2020-01-10T08:02:51.835" v="2141" actId="790"/>
            <ac:spMkLst>
              <pc:docMk/>
              <pc:sldMasterMk cId="2523064765" sldId="2147483660"/>
              <pc:sldLayoutMk cId="1436988196" sldId="2147483681"/>
              <ac:spMk id="5" creationId="{00000000-0000-0000-0000-000000000000}"/>
            </ac:spMkLst>
          </pc:spChg>
          <pc:spChg chg="mod">
            <ac:chgData name="Anders Furuskär" userId="5c9f1a7d-b689-4c3c-9fb9-968669d3c21c" providerId="ADAL" clId="{F9FAD9AE-6342-434D-965D-0DE7D3FBD558}" dt="2020-01-10T08:02:51.837" v="2142" actId="790"/>
            <ac:spMkLst>
              <pc:docMk/>
              <pc:sldMasterMk cId="2523064765" sldId="2147483660"/>
              <pc:sldLayoutMk cId="1436988196" sldId="2147483681"/>
              <ac:spMk id="6" creationId="{00000000-0000-0000-0000-000000000000}"/>
            </ac:spMkLst>
          </pc:spChg>
          <pc:spChg chg="mod">
            <ac:chgData name="Anders Furuskär" userId="5c9f1a7d-b689-4c3c-9fb9-968669d3c21c" providerId="ADAL" clId="{F9FAD9AE-6342-434D-965D-0DE7D3FBD558}" dt="2020-01-10T08:02:51.839" v="2144" actId="790"/>
            <ac:spMkLst>
              <pc:docMk/>
              <pc:sldMasterMk cId="2523064765" sldId="2147483660"/>
              <pc:sldLayoutMk cId="1436988196" sldId="2147483681"/>
              <ac:spMk id="8" creationId="{00000000-0000-0000-0000-000000000000}"/>
            </ac:spMkLst>
          </pc:spChg>
          <pc:spChg chg="mod">
            <ac:chgData name="Anders Furuskär" userId="5c9f1a7d-b689-4c3c-9fb9-968669d3c21c" providerId="ADAL" clId="{F9FAD9AE-6342-434D-965D-0DE7D3FBD558}" dt="2020-01-10T08:02:51.838" v="2143" actId="790"/>
            <ac:spMkLst>
              <pc:docMk/>
              <pc:sldMasterMk cId="2523064765" sldId="2147483660"/>
              <pc:sldLayoutMk cId="1436988196" sldId="2147483681"/>
              <ac:spMk id="9" creationId="{00000000-0000-0000-0000-000000000000}"/>
            </ac:spMkLst>
          </pc:spChg>
          <pc:spChg chg="mod">
            <ac:chgData name="Anders Furuskär" userId="5c9f1a7d-b689-4c3c-9fb9-968669d3c21c" providerId="ADAL" clId="{F9FAD9AE-6342-434D-965D-0DE7D3FBD558}" dt="2020-01-10T08:02:51.842" v="2146" actId="790"/>
            <ac:spMkLst>
              <pc:docMk/>
              <pc:sldMasterMk cId="2523064765" sldId="2147483660"/>
              <pc:sldLayoutMk cId="1436988196" sldId="2147483681"/>
              <ac:spMk id="10" creationId="{00000000-0000-0000-0000-000000000000}"/>
            </ac:spMkLst>
          </pc:spChg>
          <pc:spChg chg="mod">
            <ac:chgData name="Anders Furuskär" userId="5c9f1a7d-b689-4c3c-9fb9-968669d3c21c" providerId="ADAL" clId="{F9FAD9AE-6342-434D-965D-0DE7D3FBD558}" dt="2020-01-10T08:02:51.841" v="2145" actId="790"/>
            <ac:spMkLst>
              <pc:docMk/>
              <pc:sldMasterMk cId="2523064765" sldId="2147483660"/>
              <pc:sldLayoutMk cId="1436988196" sldId="2147483681"/>
              <ac:spMk id="11" creationId="{00000000-0000-0000-0000-000000000000}"/>
            </ac:spMkLst>
          </pc:spChg>
          <pc:spChg chg="mod">
            <ac:chgData name="Anders Furuskär" userId="5c9f1a7d-b689-4c3c-9fb9-968669d3c21c" providerId="ADAL" clId="{F9FAD9AE-6342-434D-965D-0DE7D3FBD558}" dt="2020-01-10T08:02:51.832" v="2138" actId="790"/>
            <ac:spMkLst>
              <pc:docMk/>
              <pc:sldMasterMk cId="2523064765" sldId="2147483660"/>
              <pc:sldLayoutMk cId="1436988196" sldId="2147483681"/>
              <ac:spMk id="13" creationId="{99858DC4-E787-41D2-A613-961D60F89117}"/>
            </ac:spMkLst>
          </pc:spChg>
          <pc:spChg chg="mod">
            <ac:chgData name="Anders Furuskär" userId="5c9f1a7d-b689-4c3c-9fb9-968669d3c21c" providerId="ADAL" clId="{F9FAD9AE-6342-434D-965D-0DE7D3FBD558}" dt="2020-01-10T08:02:52.069" v="2277"/>
            <ac:spMkLst>
              <pc:docMk/>
              <pc:sldMasterMk cId="2523064765" sldId="2147483660"/>
              <pc:sldLayoutMk cId="1436988196" sldId="2147483681"/>
              <ac:spMk id="14" creationId="{089CBEB5-348B-49F3-8F8B-FDEE08950E37}"/>
            </ac:spMkLst>
          </pc:spChg>
          <pc:spChg chg="mod">
            <ac:chgData name="Anders Furuskär" userId="5c9f1a7d-b689-4c3c-9fb9-968669d3c21c" providerId="ADAL" clId="{F9FAD9AE-6342-434D-965D-0DE7D3FBD558}" dt="2020-01-10T08:02:51.845" v="2148" actId="790"/>
            <ac:spMkLst>
              <pc:docMk/>
              <pc:sldMasterMk cId="2523064765" sldId="2147483660"/>
              <pc:sldLayoutMk cId="1436988196" sldId="2147483681"/>
              <ac:spMk id="16" creationId="{440C0979-D90E-4CC1-9A55-E0FC60A30731}"/>
            </ac:spMkLst>
          </pc:spChg>
        </pc:sldLayoutChg>
        <pc:sldLayoutChg chg="modSp">
          <pc:chgData name="Anders Furuskär" userId="5c9f1a7d-b689-4c3c-9fb9-968669d3c21c" providerId="ADAL" clId="{F9FAD9AE-6342-434D-965D-0DE7D3FBD558}" dt="2020-01-10T08:02:52.001" v="2229"/>
          <pc:sldLayoutMkLst>
            <pc:docMk/>
            <pc:sldMasterMk cId="2523064765" sldId="2147483660"/>
            <pc:sldLayoutMk cId="4114665" sldId="2147483682"/>
          </pc:sldLayoutMkLst>
          <pc:spChg chg="mod">
            <ac:chgData name="Anders Furuskär" userId="5c9f1a7d-b689-4c3c-9fb9-968669d3c21c" providerId="ADAL" clId="{F9FAD9AE-6342-434D-965D-0DE7D3FBD558}" dt="2020-01-10T08:02:51.733" v="2051" actId="790"/>
            <ac:spMkLst>
              <pc:docMk/>
              <pc:sldMasterMk cId="2523064765" sldId="2147483660"/>
              <pc:sldLayoutMk cId="4114665" sldId="2147483682"/>
              <ac:spMk id="4" creationId="{00000000-0000-0000-0000-000000000000}"/>
            </ac:spMkLst>
          </pc:spChg>
          <pc:spChg chg="mod">
            <ac:chgData name="Anders Furuskär" userId="5c9f1a7d-b689-4c3c-9fb9-968669d3c21c" providerId="ADAL" clId="{F9FAD9AE-6342-434D-965D-0DE7D3FBD558}" dt="2020-01-10T08:02:51.732" v="2050" actId="790"/>
            <ac:spMkLst>
              <pc:docMk/>
              <pc:sldMasterMk cId="2523064765" sldId="2147483660"/>
              <pc:sldLayoutMk cId="4114665" sldId="2147483682"/>
              <ac:spMk id="5" creationId="{AC5B9436-E3EB-4A3D-BE6B-EFFF8123DE9D}"/>
            </ac:spMkLst>
          </pc:spChg>
          <pc:spChg chg="mod">
            <ac:chgData name="Anders Furuskär" userId="5c9f1a7d-b689-4c3c-9fb9-968669d3c21c" providerId="ADAL" clId="{F9FAD9AE-6342-434D-965D-0DE7D3FBD558}" dt="2020-01-10T08:02:52.001" v="2229"/>
            <ac:spMkLst>
              <pc:docMk/>
              <pc:sldMasterMk cId="2523064765" sldId="2147483660"/>
              <pc:sldLayoutMk cId="4114665" sldId="2147483682"/>
              <ac:spMk id="7" creationId="{EF2C589A-70A9-4C1E-92FD-76B1E60A1A29}"/>
            </ac:spMkLst>
          </pc:spChg>
          <pc:spChg chg="mod">
            <ac:chgData name="Anders Furuskär" userId="5c9f1a7d-b689-4c3c-9fb9-968669d3c21c" providerId="ADAL" clId="{F9FAD9AE-6342-434D-965D-0DE7D3FBD558}" dt="2020-01-10T08:02:51.735" v="2053" actId="790"/>
            <ac:spMkLst>
              <pc:docMk/>
              <pc:sldMasterMk cId="2523064765" sldId="2147483660"/>
              <pc:sldLayoutMk cId="4114665" sldId="2147483682"/>
              <ac:spMk id="8" creationId="{E735C405-D694-4150-B4C4-0B84A1A5CAEA}"/>
            </ac:spMkLst>
          </pc:spChg>
        </pc:sldLayoutChg>
        <pc:sldLayoutChg chg="modSp">
          <pc:chgData name="Anders Furuskär" userId="5c9f1a7d-b689-4c3c-9fb9-968669d3c21c" providerId="ADAL" clId="{F9FAD9AE-6342-434D-965D-0DE7D3FBD558}" dt="2020-01-10T08:02:52.004" v="2232"/>
          <pc:sldLayoutMkLst>
            <pc:docMk/>
            <pc:sldMasterMk cId="2523064765" sldId="2147483660"/>
            <pc:sldLayoutMk cId="584347284" sldId="2147483683"/>
          </pc:sldLayoutMkLst>
          <pc:spChg chg="mod">
            <ac:chgData name="Anders Furuskär" userId="5c9f1a7d-b689-4c3c-9fb9-968669d3c21c" providerId="ADAL" clId="{F9FAD9AE-6342-434D-965D-0DE7D3FBD558}" dt="2020-01-10T08:02:51.739" v="2056" actId="790"/>
            <ac:spMkLst>
              <pc:docMk/>
              <pc:sldMasterMk cId="2523064765" sldId="2147483660"/>
              <pc:sldLayoutMk cId="584347284" sldId="2147483683"/>
              <ac:spMk id="3" creationId="{2F5F844D-0CF3-4814-B0DE-3D27A83936FD}"/>
            </ac:spMkLst>
          </pc:spChg>
          <pc:spChg chg="mod">
            <ac:chgData name="Anders Furuskär" userId="5c9f1a7d-b689-4c3c-9fb9-968669d3c21c" providerId="ADAL" clId="{F9FAD9AE-6342-434D-965D-0DE7D3FBD558}" dt="2020-01-10T08:02:51.738" v="2055" actId="790"/>
            <ac:spMkLst>
              <pc:docMk/>
              <pc:sldMasterMk cId="2523064765" sldId="2147483660"/>
              <pc:sldLayoutMk cId="584347284" sldId="2147483683"/>
              <ac:spMk id="4" creationId="{00000000-0000-0000-0000-000000000000}"/>
            </ac:spMkLst>
          </pc:spChg>
          <pc:spChg chg="mod">
            <ac:chgData name="Anders Furuskär" userId="5c9f1a7d-b689-4c3c-9fb9-968669d3c21c" providerId="ADAL" clId="{F9FAD9AE-6342-434D-965D-0DE7D3FBD558}" dt="2020-01-10T08:02:51.736" v="2054" actId="790"/>
            <ac:spMkLst>
              <pc:docMk/>
              <pc:sldMasterMk cId="2523064765" sldId="2147483660"/>
              <pc:sldLayoutMk cId="584347284" sldId="2147483683"/>
              <ac:spMk id="6" creationId="{00000000-0000-0000-0000-000000000000}"/>
            </ac:spMkLst>
          </pc:spChg>
          <pc:spChg chg="mod">
            <ac:chgData name="Anders Furuskär" userId="5c9f1a7d-b689-4c3c-9fb9-968669d3c21c" providerId="ADAL" clId="{F9FAD9AE-6342-434D-965D-0DE7D3FBD558}" dt="2020-01-10T08:02:52.004" v="2232"/>
            <ac:spMkLst>
              <pc:docMk/>
              <pc:sldMasterMk cId="2523064765" sldId="2147483660"/>
              <pc:sldLayoutMk cId="584347284" sldId="2147483683"/>
              <ac:spMk id="9" creationId="{4372D240-75C4-4747-BB0C-CDA1A95650A3}"/>
            </ac:spMkLst>
          </pc:spChg>
          <pc:spChg chg="mod">
            <ac:chgData name="Anders Furuskär" userId="5c9f1a7d-b689-4c3c-9fb9-968669d3c21c" providerId="ADAL" clId="{F9FAD9AE-6342-434D-965D-0DE7D3FBD558}" dt="2020-01-10T08:02:51.741" v="2058" actId="790"/>
            <ac:spMkLst>
              <pc:docMk/>
              <pc:sldMasterMk cId="2523064765" sldId="2147483660"/>
              <pc:sldLayoutMk cId="584347284" sldId="2147483683"/>
              <ac:spMk id="12" creationId="{DDD81FA4-E9EC-4B93-8FAA-8C7EE9DC027E}"/>
            </ac:spMkLst>
          </pc:spChg>
        </pc:sldLayoutChg>
        <pc:sldLayoutChg chg="modSp">
          <pc:chgData name="Anders Furuskär" userId="5c9f1a7d-b689-4c3c-9fb9-968669d3c21c" providerId="ADAL" clId="{F9FAD9AE-6342-434D-965D-0DE7D3FBD558}" dt="2020-01-10T08:02:52.009" v="2235"/>
          <pc:sldLayoutMkLst>
            <pc:docMk/>
            <pc:sldMasterMk cId="2523064765" sldId="2147483660"/>
            <pc:sldLayoutMk cId="2522373556" sldId="2147483684"/>
          </pc:sldLayoutMkLst>
          <pc:spChg chg="mod">
            <ac:chgData name="Anders Furuskär" userId="5c9f1a7d-b689-4c3c-9fb9-968669d3c21c" providerId="ADAL" clId="{F9FAD9AE-6342-434D-965D-0DE7D3FBD558}" dt="2020-01-10T08:02:51.743" v="2060" actId="790"/>
            <ac:spMkLst>
              <pc:docMk/>
              <pc:sldMasterMk cId="2523064765" sldId="2147483660"/>
              <pc:sldLayoutMk cId="2522373556" sldId="2147483684"/>
              <ac:spMk id="4" creationId="{00000000-0000-0000-0000-000000000000}"/>
            </ac:spMkLst>
          </pc:spChg>
          <pc:spChg chg="mod">
            <ac:chgData name="Anders Furuskär" userId="5c9f1a7d-b689-4c3c-9fb9-968669d3c21c" providerId="ADAL" clId="{F9FAD9AE-6342-434D-965D-0DE7D3FBD558}" dt="2020-01-10T08:02:51.741" v="2059" actId="790"/>
            <ac:spMkLst>
              <pc:docMk/>
              <pc:sldMasterMk cId="2523064765" sldId="2147483660"/>
              <pc:sldLayoutMk cId="2522373556" sldId="2147483684"/>
              <ac:spMk id="5" creationId="{4ACB62A1-CC4A-4B59-B1D8-ED86B77D9A3A}"/>
            </ac:spMkLst>
          </pc:spChg>
          <pc:spChg chg="mod">
            <ac:chgData name="Anders Furuskär" userId="5c9f1a7d-b689-4c3c-9fb9-968669d3c21c" providerId="ADAL" clId="{F9FAD9AE-6342-434D-965D-0DE7D3FBD558}" dt="2020-01-10T08:02:52.009" v="2235"/>
            <ac:spMkLst>
              <pc:docMk/>
              <pc:sldMasterMk cId="2523064765" sldId="2147483660"/>
              <pc:sldLayoutMk cId="2522373556" sldId="2147483684"/>
              <ac:spMk id="7" creationId="{8D51E95B-B5A6-40B6-97CB-5F0FE563EB1D}"/>
            </ac:spMkLst>
          </pc:spChg>
          <pc:spChg chg="mod">
            <ac:chgData name="Anders Furuskär" userId="5c9f1a7d-b689-4c3c-9fb9-968669d3c21c" providerId="ADAL" clId="{F9FAD9AE-6342-434D-965D-0DE7D3FBD558}" dt="2020-01-10T08:02:51.745" v="2062" actId="790"/>
            <ac:spMkLst>
              <pc:docMk/>
              <pc:sldMasterMk cId="2523064765" sldId="2147483660"/>
              <pc:sldLayoutMk cId="2522373556" sldId="2147483684"/>
              <ac:spMk id="11" creationId="{FF233E17-CA98-40A3-BA47-478F1A44B299}"/>
            </ac:spMkLst>
          </pc:spChg>
        </pc:sldLayoutChg>
        <pc:sldLayoutChg chg="modSp">
          <pc:chgData name="Anders Furuskär" userId="5c9f1a7d-b689-4c3c-9fb9-968669d3c21c" providerId="ADAL" clId="{F9FAD9AE-6342-434D-965D-0DE7D3FBD558}" dt="2020-01-10T08:02:52.013" v="2238"/>
          <pc:sldLayoutMkLst>
            <pc:docMk/>
            <pc:sldMasterMk cId="2523064765" sldId="2147483660"/>
            <pc:sldLayoutMk cId="2731981876" sldId="2147483685"/>
          </pc:sldLayoutMkLst>
          <pc:spChg chg="mod">
            <ac:chgData name="Anders Furuskär" userId="5c9f1a7d-b689-4c3c-9fb9-968669d3c21c" providerId="ADAL" clId="{F9FAD9AE-6342-434D-965D-0DE7D3FBD558}" dt="2020-01-10T08:02:51.748" v="2065" actId="790"/>
            <ac:spMkLst>
              <pc:docMk/>
              <pc:sldMasterMk cId="2523064765" sldId="2147483660"/>
              <pc:sldLayoutMk cId="2731981876" sldId="2147483685"/>
              <ac:spMk id="3" creationId="{B0349585-9F54-46CC-8CEC-052CD1853EC5}"/>
            </ac:spMkLst>
          </pc:spChg>
          <pc:spChg chg="mod">
            <ac:chgData name="Anders Furuskär" userId="5c9f1a7d-b689-4c3c-9fb9-968669d3c21c" providerId="ADAL" clId="{F9FAD9AE-6342-434D-965D-0DE7D3FBD558}" dt="2020-01-10T08:02:51.747" v="2064" actId="790"/>
            <ac:spMkLst>
              <pc:docMk/>
              <pc:sldMasterMk cId="2523064765" sldId="2147483660"/>
              <pc:sldLayoutMk cId="2731981876" sldId="2147483685"/>
              <ac:spMk id="4" creationId="{00000000-0000-0000-0000-000000000000}"/>
            </ac:spMkLst>
          </pc:spChg>
          <pc:spChg chg="mod">
            <ac:chgData name="Anders Furuskär" userId="5c9f1a7d-b689-4c3c-9fb9-968669d3c21c" providerId="ADAL" clId="{F9FAD9AE-6342-434D-965D-0DE7D3FBD558}" dt="2020-01-10T08:02:51.746" v="2063" actId="790"/>
            <ac:spMkLst>
              <pc:docMk/>
              <pc:sldMasterMk cId="2523064765" sldId="2147483660"/>
              <pc:sldLayoutMk cId="2731981876" sldId="2147483685"/>
              <ac:spMk id="6" creationId="{00000000-0000-0000-0000-000000000000}"/>
            </ac:spMkLst>
          </pc:spChg>
          <pc:spChg chg="mod">
            <ac:chgData name="Anders Furuskär" userId="5c9f1a7d-b689-4c3c-9fb9-968669d3c21c" providerId="ADAL" clId="{F9FAD9AE-6342-434D-965D-0DE7D3FBD558}" dt="2020-01-10T08:02:52.013" v="2238"/>
            <ac:spMkLst>
              <pc:docMk/>
              <pc:sldMasterMk cId="2523064765" sldId="2147483660"/>
              <pc:sldLayoutMk cId="2731981876" sldId="2147483685"/>
              <ac:spMk id="11" creationId="{4137CA89-AFF7-46A6-A978-5D6CF4C2A39A}"/>
            </ac:spMkLst>
          </pc:spChg>
          <pc:spChg chg="mod">
            <ac:chgData name="Anders Furuskär" userId="5c9f1a7d-b689-4c3c-9fb9-968669d3c21c" providerId="ADAL" clId="{F9FAD9AE-6342-434D-965D-0DE7D3FBD558}" dt="2020-01-10T08:02:51.750" v="2067" actId="790"/>
            <ac:spMkLst>
              <pc:docMk/>
              <pc:sldMasterMk cId="2523064765" sldId="2147483660"/>
              <pc:sldLayoutMk cId="2731981876" sldId="2147483685"/>
              <ac:spMk id="12" creationId="{7D53C9C0-925C-4E10-98AB-FC8F3B8CF044}"/>
            </ac:spMkLst>
          </pc:spChg>
        </pc:sldLayoutChg>
        <pc:sldLayoutChg chg="modSp">
          <pc:chgData name="Anders Furuskär" userId="5c9f1a7d-b689-4c3c-9fb9-968669d3c21c" providerId="ADAL" clId="{F9FAD9AE-6342-434D-965D-0DE7D3FBD558}" dt="2020-01-10T08:02:52.026" v="2247"/>
          <pc:sldLayoutMkLst>
            <pc:docMk/>
            <pc:sldMasterMk cId="2523064765" sldId="2147483660"/>
            <pc:sldLayoutMk cId="1631202071" sldId="2147483686"/>
          </pc:sldLayoutMkLst>
          <pc:spChg chg="mod">
            <ac:chgData name="Anders Furuskär" userId="5c9f1a7d-b689-4c3c-9fb9-968669d3c21c" providerId="ADAL" clId="{F9FAD9AE-6342-434D-965D-0DE7D3FBD558}" dt="2020-01-10T08:02:51.764" v="2079" actId="790"/>
            <ac:spMkLst>
              <pc:docMk/>
              <pc:sldMasterMk cId="2523064765" sldId="2147483660"/>
              <pc:sldLayoutMk cId="1631202071" sldId="2147483686"/>
              <ac:spMk id="3" creationId="{00000000-0000-0000-0000-000000000000}"/>
            </ac:spMkLst>
          </pc:spChg>
          <pc:spChg chg="mod">
            <ac:chgData name="Anders Furuskär" userId="5c9f1a7d-b689-4c3c-9fb9-968669d3c21c" providerId="ADAL" clId="{F9FAD9AE-6342-434D-965D-0DE7D3FBD558}" dt="2020-01-10T08:02:51.765" v="2080" actId="790"/>
            <ac:spMkLst>
              <pc:docMk/>
              <pc:sldMasterMk cId="2523064765" sldId="2147483660"/>
              <pc:sldLayoutMk cId="1631202071" sldId="2147483686"/>
              <ac:spMk id="5" creationId="{00000000-0000-0000-0000-000000000000}"/>
            </ac:spMkLst>
          </pc:spChg>
          <pc:spChg chg="mod">
            <ac:chgData name="Anders Furuskär" userId="5c9f1a7d-b689-4c3c-9fb9-968669d3c21c" providerId="ADAL" clId="{F9FAD9AE-6342-434D-965D-0DE7D3FBD558}" dt="2020-01-10T08:02:51.762" v="2078" actId="790"/>
            <ac:spMkLst>
              <pc:docMk/>
              <pc:sldMasterMk cId="2523064765" sldId="2147483660"/>
              <pc:sldLayoutMk cId="1631202071" sldId="2147483686"/>
              <ac:spMk id="6" creationId="{A05AB2F5-3C8F-45BD-81CB-45EC98D4284C}"/>
            </ac:spMkLst>
          </pc:spChg>
          <pc:spChg chg="mod">
            <ac:chgData name="Anders Furuskär" userId="5c9f1a7d-b689-4c3c-9fb9-968669d3c21c" providerId="ADAL" clId="{F9FAD9AE-6342-434D-965D-0DE7D3FBD558}" dt="2020-01-10T08:02:52.026" v="2247"/>
            <ac:spMkLst>
              <pc:docMk/>
              <pc:sldMasterMk cId="2523064765" sldId="2147483660"/>
              <pc:sldLayoutMk cId="1631202071" sldId="2147483686"/>
              <ac:spMk id="8" creationId="{4E1D7684-BC36-44BA-9074-E0D05038847F}"/>
            </ac:spMkLst>
          </pc:spChg>
          <pc:spChg chg="mod">
            <ac:chgData name="Anders Furuskär" userId="5c9f1a7d-b689-4c3c-9fb9-968669d3c21c" providerId="ADAL" clId="{F9FAD9AE-6342-434D-965D-0DE7D3FBD558}" dt="2020-01-10T08:02:51.767" v="2082" actId="790"/>
            <ac:spMkLst>
              <pc:docMk/>
              <pc:sldMasterMk cId="2523064765" sldId="2147483660"/>
              <pc:sldLayoutMk cId="1631202071" sldId="2147483686"/>
              <ac:spMk id="9" creationId="{1954EF9A-E11E-4334-BC30-2E9405F508E0}"/>
            </ac:spMkLst>
          </pc:spChg>
        </pc:sldLayoutChg>
        <pc:sldLayoutChg chg="modSp">
          <pc:chgData name="Anders Furuskär" userId="5c9f1a7d-b689-4c3c-9fb9-968669d3c21c" providerId="ADAL" clId="{F9FAD9AE-6342-434D-965D-0DE7D3FBD558}" dt="2020-01-10T08:02:52.030" v="2250"/>
          <pc:sldLayoutMkLst>
            <pc:docMk/>
            <pc:sldMasterMk cId="2523064765" sldId="2147483660"/>
            <pc:sldLayoutMk cId="185064145" sldId="2147483687"/>
          </pc:sldLayoutMkLst>
          <pc:spChg chg="mod">
            <ac:chgData name="Anders Furuskär" userId="5c9f1a7d-b689-4c3c-9fb9-968669d3c21c" providerId="ADAL" clId="{F9FAD9AE-6342-434D-965D-0DE7D3FBD558}" dt="2020-01-10T08:02:51.770" v="2084" actId="790"/>
            <ac:spMkLst>
              <pc:docMk/>
              <pc:sldMasterMk cId="2523064765" sldId="2147483660"/>
              <pc:sldLayoutMk cId="185064145" sldId="2147483687"/>
              <ac:spMk id="3" creationId="{00000000-0000-0000-0000-000000000000}"/>
            </ac:spMkLst>
          </pc:spChg>
          <pc:spChg chg="mod">
            <ac:chgData name="Anders Furuskär" userId="5c9f1a7d-b689-4c3c-9fb9-968669d3c21c" providerId="ADAL" clId="{F9FAD9AE-6342-434D-965D-0DE7D3FBD558}" dt="2020-01-10T08:02:51.771" v="2085" actId="790"/>
            <ac:spMkLst>
              <pc:docMk/>
              <pc:sldMasterMk cId="2523064765" sldId="2147483660"/>
              <pc:sldLayoutMk cId="185064145" sldId="2147483687"/>
              <ac:spMk id="5" creationId="{00000000-0000-0000-0000-000000000000}"/>
            </ac:spMkLst>
          </pc:spChg>
          <pc:spChg chg="mod">
            <ac:chgData name="Anders Furuskär" userId="5c9f1a7d-b689-4c3c-9fb9-968669d3c21c" providerId="ADAL" clId="{F9FAD9AE-6342-434D-965D-0DE7D3FBD558}" dt="2020-01-10T08:02:51.768" v="2083" actId="790"/>
            <ac:spMkLst>
              <pc:docMk/>
              <pc:sldMasterMk cId="2523064765" sldId="2147483660"/>
              <pc:sldLayoutMk cId="185064145" sldId="2147483687"/>
              <ac:spMk id="6" creationId="{524C71C0-9908-4C8C-97CC-AA201198D25C}"/>
            </ac:spMkLst>
          </pc:spChg>
          <pc:spChg chg="mod">
            <ac:chgData name="Anders Furuskär" userId="5c9f1a7d-b689-4c3c-9fb9-968669d3c21c" providerId="ADAL" clId="{F9FAD9AE-6342-434D-965D-0DE7D3FBD558}" dt="2020-01-10T08:02:52.030" v="2250"/>
            <ac:spMkLst>
              <pc:docMk/>
              <pc:sldMasterMk cId="2523064765" sldId="2147483660"/>
              <pc:sldLayoutMk cId="185064145" sldId="2147483687"/>
              <ac:spMk id="8" creationId="{227D3F0D-C903-4314-9038-82A30CA70290}"/>
            </ac:spMkLst>
          </pc:spChg>
          <pc:spChg chg="mod">
            <ac:chgData name="Anders Furuskär" userId="5c9f1a7d-b689-4c3c-9fb9-968669d3c21c" providerId="ADAL" clId="{F9FAD9AE-6342-434D-965D-0DE7D3FBD558}" dt="2020-01-10T08:02:51.773" v="2087" actId="790"/>
            <ac:spMkLst>
              <pc:docMk/>
              <pc:sldMasterMk cId="2523064765" sldId="2147483660"/>
              <pc:sldLayoutMk cId="185064145" sldId="2147483687"/>
              <ac:spMk id="9" creationId="{0B9F5F07-6E63-456E-AAB2-A105F6BE39DE}"/>
            </ac:spMkLst>
          </pc:spChg>
        </pc:sldLayoutChg>
        <pc:sldLayoutChg chg="modSp">
          <pc:chgData name="Anders Furuskär" userId="5c9f1a7d-b689-4c3c-9fb9-968669d3c21c" providerId="ADAL" clId="{F9FAD9AE-6342-434D-965D-0DE7D3FBD558}" dt="2020-01-10T08:02:52.035" v="2253"/>
          <pc:sldLayoutMkLst>
            <pc:docMk/>
            <pc:sldMasterMk cId="2523064765" sldId="2147483660"/>
            <pc:sldLayoutMk cId="3977286576" sldId="2147483688"/>
          </pc:sldLayoutMkLst>
          <pc:spChg chg="mod">
            <ac:chgData name="Anders Furuskär" userId="5c9f1a7d-b689-4c3c-9fb9-968669d3c21c" providerId="ADAL" clId="{F9FAD9AE-6342-434D-965D-0DE7D3FBD558}" dt="2020-01-10T08:02:51.776" v="2089" actId="790"/>
            <ac:spMkLst>
              <pc:docMk/>
              <pc:sldMasterMk cId="2523064765" sldId="2147483660"/>
              <pc:sldLayoutMk cId="3977286576" sldId="2147483688"/>
              <ac:spMk id="5" creationId="{00000000-0000-0000-0000-000000000000}"/>
            </ac:spMkLst>
          </pc:spChg>
          <pc:spChg chg="mod">
            <ac:chgData name="Anders Furuskär" userId="5c9f1a7d-b689-4c3c-9fb9-968669d3c21c" providerId="ADAL" clId="{F9FAD9AE-6342-434D-965D-0DE7D3FBD558}" dt="2020-01-10T08:02:51.774" v="2088" actId="790"/>
            <ac:spMkLst>
              <pc:docMk/>
              <pc:sldMasterMk cId="2523064765" sldId="2147483660"/>
              <pc:sldLayoutMk cId="3977286576" sldId="2147483688"/>
              <ac:spMk id="6" creationId="{0114795F-6AFF-421E-BA39-763FAD29FC16}"/>
            </ac:spMkLst>
          </pc:spChg>
          <pc:spChg chg="mod">
            <ac:chgData name="Anders Furuskär" userId="5c9f1a7d-b689-4c3c-9fb9-968669d3c21c" providerId="ADAL" clId="{F9FAD9AE-6342-434D-965D-0DE7D3FBD558}" dt="2020-01-10T08:02:51.777" v="2090" actId="790"/>
            <ac:spMkLst>
              <pc:docMk/>
              <pc:sldMasterMk cId="2523064765" sldId="2147483660"/>
              <pc:sldLayoutMk cId="3977286576" sldId="2147483688"/>
              <ac:spMk id="7" creationId="{00000000-0000-0000-0000-000000000000}"/>
            </ac:spMkLst>
          </pc:spChg>
          <pc:spChg chg="mod">
            <ac:chgData name="Anders Furuskär" userId="5c9f1a7d-b689-4c3c-9fb9-968669d3c21c" providerId="ADAL" clId="{F9FAD9AE-6342-434D-965D-0DE7D3FBD558}" dt="2020-01-10T08:02:52.035" v="2253"/>
            <ac:spMkLst>
              <pc:docMk/>
              <pc:sldMasterMk cId="2523064765" sldId="2147483660"/>
              <pc:sldLayoutMk cId="3977286576" sldId="2147483688"/>
              <ac:spMk id="9" creationId="{4421DB2A-3017-4E73-8332-6B8D884A5493}"/>
            </ac:spMkLst>
          </pc:spChg>
          <pc:spChg chg="mod">
            <ac:chgData name="Anders Furuskär" userId="5c9f1a7d-b689-4c3c-9fb9-968669d3c21c" providerId="ADAL" clId="{F9FAD9AE-6342-434D-965D-0DE7D3FBD558}" dt="2020-01-10T08:02:51.779" v="2092" actId="790"/>
            <ac:spMkLst>
              <pc:docMk/>
              <pc:sldMasterMk cId="2523064765" sldId="2147483660"/>
              <pc:sldLayoutMk cId="3977286576" sldId="2147483688"/>
              <ac:spMk id="10" creationId="{A3A86C7D-7D12-4BF6-8892-EF043F36E2EA}"/>
            </ac:spMkLst>
          </pc:spChg>
        </pc:sldLayoutChg>
        <pc:sldLayoutChg chg="modSp">
          <pc:chgData name="Anders Furuskär" userId="5c9f1a7d-b689-4c3c-9fb9-968669d3c21c" providerId="ADAL" clId="{F9FAD9AE-6342-434D-965D-0DE7D3FBD558}" dt="2020-01-10T08:02:52.039" v="2256"/>
          <pc:sldLayoutMkLst>
            <pc:docMk/>
            <pc:sldMasterMk cId="2523064765" sldId="2147483660"/>
            <pc:sldLayoutMk cId="1762546200" sldId="2147483689"/>
          </pc:sldLayoutMkLst>
          <pc:spChg chg="mod">
            <ac:chgData name="Anders Furuskär" userId="5c9f1a7d-b689-4c3c-9fb9-968669d3c21c" providerId="ADAL" clId="{F9FAD9AE-6342-434D-965D-0DE7D3FBD558}" dt="2020-01-10T08:02:51.780" v="2093" actId="790"/>
            <ac:spMkLst>
              <pc:docMk/>
              <pc:sldMasterMk cId="2523064765" sldId="2147483660"/>
              <pc:sldLayoutMk cId="1762546200" sldId="2147483689"/>
              <ac:spMk id="6" creationId="{A14F6E09-C956-49B3-8E41-DBD053DF768C}"/>
            </ac:spMkLst>
          </pc:spChg>
          <pc:spChg chg="mod">
            <ac:chgData name="Anders Furuskär" userId="5c9f1a7d-b689-4c3c-9fb9-968669d3c21c" providerId="ADAL" clId="{F9FAD9AE-6342-434D-965D-0DE7D3FBD558}" dt="2020-01-10T08:02:51.781" v="2094" actId="790"/>
            <ac:spMkLst>
              <pc:docMk/>
              <pc:sldMasterMk cId="2523064765" sldId="2147483660"/>
              <pc:sldLayoutMk cId="1762546200" sldId="2147483689"/>
              <ac:spMk id="7" creationId="{00000000-0000-0000-0000-000000000000}"/>
            </ac:spMkLst>
          </pc:spChg>
          <pc:spChg chg="mod">
            <ac:chgData name="Anders Furuskär" userId="5c9f1a7d-b689-4c3c-9fb9-968669d3c21c" providerId="ADAL" clId="{F9FAD9AE-6342-434D-965D-0DE7D3FBD558}" dt="2020-01-10T08:02:51.783" v="2095" actId="790"/>
            <ac:spMkLst>
              <pc:docMk/>
              <pc:sldMasterMk cId="2523064765" sldId="2147483660"/>
              <pc:sldLayoutMk cId="1762546200" sldId="2147483689"/>
              <ac:spMk id="8" creationId="{00000000-0000-0000-0000-000000000000}"/>
            </ac:spMkLst>
          </pc:spChg>
          <pc:spChg chg="mod">
            <ac:chgData name="Anders Furuskär" userId="5c9f1a7d-b689-4c3c-9fb9-968669d3c21c" providerId="ADAL" clId="{F9FAD9AE-6342-434D-965D-0DE7D3FBD558}" dt="2020-01-10T08:02:52.039" v="2256"/>
            <ac:spMkLst>
              <pc:docMk/>
              <pc:sldMasterMk cId="2523064765" sldId="2147483660"/>
              <pc:sldLayoutMk cId="1762546200" sldId="2147483689"/>
              <ac:spMk id="9" creationId="{4E5A81C5-0588-4509-B7B9-9497297F88ED}"/>
            </ac:spMkLst>
          </pc:spChg>
          <pc:spChg chg="mod">
            <ac:chgData name="Anders Furuskär" userId="5c9f1a7d-b689-4c3c-9fb9-968669d3c21c" providerId="ADAL" clId="{F9FAD9AE-6342-434D-965D-0DE7D3FBD558}" dt="2020-01-10T08:02:51.784" v="2097" actId="790"/>
            <ac:spMkLst>
              <pc:docMk/>
              <pc:sldMasterMk cId="2523064765" sldId="2147483660"/>
              <pc:sldLayoutMk cId="1762546200" sldId="2147483689"/>
              <ac:spMk id="10" creationId="{54A68D25-E1D7-496F-BC83-0E0E9B8A021B}"/>
            </ac:spMkLst>
          </pc:spChg>
        </pc:sldLayoutChg>
        <pc:sldLayoutChg chg="modSp">
          <pc:chgData name="Anders Furuskär" userId="5c9f1a7d-b689-4c3c-9fb9-968669d3c21c" providerId="ADAL" clId="{F9FAD9AE-6342-434D-965D-0DE7D3FBD558}" dt="2020-01-10T08:02:52.065" v="2274"/>
          <pc:sldLayoutMkLst>
            <pc:docMk/>
            <pc:sldMasterMk cId="2523064765" sldId="2147483660"/>
            <pc:sldLayoutMk cId="2548612008" sldId="2147483690"/>
          </pc:sldLayoutMkLst>
          <pc:spChg chg="mod">
            <ac:chgData name="Anders Furuskär" userId="5c9f1a7d-b689-4c3c-9fb9-968669d3c21c" providerId="ADAL" clId="{F9FAD9AE-6342-434D-965D-0DE7D3FBD558}" dt="2020-01-10T08:02:51.825" v="2132" actId="790"/>
            <ac:spMkLst>
              <pc:docMk/>
              <pc:sldMasterMk cId="2523064765" sldId="2147483660"/>
              <pc:sldLayoutMk cId="2548612008" sldId="2147483690"/>
              <ac:spMk id="3" creationId="{00000000-0000-0000-0000-000000000000}"/>
            </ac:spMkLst>
          </pc:spChg>
          <pc:spChg chg="mod">
            <ac:chgData name="Anders Furuskär" userId="5c9f1a7d-b689-4c3c-9fb9-968669d3c21c" providerId="ADAL" clId="{F9FAD9AE-6342-434D-965D-0DE7D3FBD558}" dt="2020-01-10T08:02:51.826" v="2133" actId="790"/>
            <ac:spMkLst>
              <pc:docMk/>
              <pc:sldMasterMk cId="2523064765" sldId="2147483660"/>
              <pc:sldLayoutMk cId="2548612008" sldId="2147483690"/>
              <ac:spMk id="4" creationId="{00000000-0000-0000-0000-000000000000}"/>
            </ac:spMkLst>
          </pc:spChg>
          <pc:spChg chg="mod">
            <ac:chgData name="Anders Furuskär" userId="5c9f1a7d-b689-4c3c-9fb9-968669d3c21c" providerId="ADAL" clId="{F9FAD9AE-6342-434D-965D-0DE7D3FBD558}" dt="2020-01-10T08:02:51.828" v="2134" actId="790"/>
            <ac:spMkLst>
              <pc:docMk/>
              <pc:sldMasterMk cId="2523064765" sldId="2147483660"/>
              <pc:sldLayoutMk cId="2548612008" sldId="2147483690"/>
              <ac:spMk id="6" creationId="{00000000-0000-0000-0000-000000000000}"/>
            </ac:spMkLst>
          </pc:spChg>
          <pc:spChg chg="mod">
            <ac:chgData name="Anders Furuskär" userId="5c9f1a7d-b689-4c3c-9fb9-968669d3c21c" providerId="ADAL" clId="{F9FAD9AE-6342-434D-965D-0DE7D3FBD558}" dt="2020-01-10T08:02:51.829" v="2135" actId="790"/>
            <ac:spMkLst>
              <pc:docMk/>
              <pc:sldMasterMk cId="2523064765" sldId="2147483660"/>
              <pc:sldLayoutMk cId="2548612008" sldId="2147483690"/>
              <ac:spMk id="7" creationId="{5BD2C41D-0700-4885-AB77-25AFFE4E1FDA}"/>
            </ac:spMkLst>
          </pc:spChg>
          <pc:spChg chg="mod">
            <ac:chgData name="Anders Furuskär" userId="5c9f1a7d-b689-4c3c-9fb9-968669d3c21c" providerId="ADAL" clId="{F9FAD9AE-6342-434D-965D-0DE7D3FBD558}" dt="2020-01-10T08:02:51.824" v="2131" actId="790"/>
            <ac:spMkLst>
              <pc:docMk/>
              <pc:sldMasterMk cId="2523064765" sldId="2147483660"/>
              <pc:sldLayoutMk cId="2548612008" sldId="2147483690"/>
              <ac:spMk id="9" creationId="{2C948968-FB06-45CC-8259-6BDE4430EACB}"/>
            </ac:spMkLst>
          </pc:spChg>
          <pc:spChg chg="mod">
            <ac:chgData name="Anders Furuskär" userId="5c9f1a7d-b689-4c3c-9fb9-968669d3c21c" providerId="ADAL" clId="{F9FAD9AE-6342-434D-965D-0DE7D3FBD558}" dt="2020-01-10T08:02:52.065" v="2274"/>
            <ac:spMkLst>
              <pc:docMk/>
              <pc:sldMasterMk cId="2523064765" sldId="2147483660"/>
              <pc:sldLayoutMk cId="2548612008" sldId="2147483690"/>
              <ac:spMk id="10" creationId="{549048C1-340D-44C4-857B-1B201EC9A7E7}"/>
            </ac:spMkLst>
          </pc:spChg>
          <pc:spChg chg="mod">
            <ac:chgData name="Anders Furuskär" userId="5c9f1a7d-b689-4c3c-9fb9-968669d3c21c" providerId="ADAL" clId="{F9FAD9AE-6342-434D-965D-0DE7D3FBD558}" dt="2020-01-10T08:02:51.831" v="2137" actId="790"/>
            <ac:spMkLst>
              <pc:docMk/>
              <pc:sldMasterMk cId="2523064765" sldId="2147483660"/>
              <pc:sldLayoutMk cId="2548612008" sldId="2147483690"/>
              <ac:spMk id="11" creationId="{5B2537ED-0985-4CA8-A865-C2C6DFCB18EB}"/>
            </ac:spMkLst>
          </pc:spChg>
        </pc:sldLayoutChg>
        <pc:sldLayoutChg chg="modSp">
          <pc:chgData name="Anders Furuskär" userId="5c9f1a7d-b689-4c3c-9fb9-968669d3c21c" providerId="ADAL" clId="{F9FAD9AE-6342-434D-965D-0DE7D3FBD558}" dt="2020-01-10T08:02:51.950" v="2193"/>
          <pc:sldLayoutMkLst>
            <pc:docMk/>
            <pc:sldMasterMk cId="2523064765" sldId="2147483660"/>
            <pc:sldLayoutMk cId="185933282" sldId="2147483691"/>
          </pc:sldLayoutMkLst>
          <pc:spChg chg="mod">
            <ac:chgData name="Anders Furuskär" userId="5c9f1a7d-b689-4c3c-9fb9-968669d3c21c" providerId="ADAL" clId="{F9FAD9AE-6342-434D-965D-0DE7D3FBD558}" dt="2020-01-10T08:02:51.950" v="2193"/>
            <ac:spMkLst>
              <pc:docMk/>
              <pc:sldMasterMk cId="2523064765" sldId="2147483660"/>
              <pc:sldLayoutMk cId="185933282" sldId="2147483691"/>
              <ac:spMk id="2" creationId="{69F42FFA-3DFB-4DB2-A942-F02200203C82}"/>
            </ac:spMkLst>
          </pc:spChg>
          <pc:spChg chg="mod">
            <ac:chgData name="Anders Furuskär" userId="5c9f1a7d-b689-4c3c-9fb9-968669d3c21c" providerId="ADAL" clId="{F9FAD9AE-6342-434D-965D-0DE7D3FBD558}" dt="2020-01-10T08:02:51.688" v="2006" actId="790"/>
            <ac:spMkLst>
              <pc:docMk/>
              <pc:sldMasterMk cId="2523064765" sldId="2147483660"/>
              <pc:sldLayoutMk cId="185933282" sldId="2147483691"/>
              <ac:spMk id="3" creationId="{1B42E3D4-F1BA-4FA4-8629-042A5D955B23}"/>
            </ac:spMkLst>
          </pc:spChg>
        </pc:sldLayoutChg>
        <pc:sldLayoutChg chg="modSp">
          <pc:chgData name="Anders Furuskär" userId="5c9f1a7d-b689-4c3c-9fb9-968669d3c21c" providerId="ADAL" clId="{F9FAD9AE-6342-434D-965D-0DE7D3FBD558}" dt="2020-01-10T08:02:51.845" v="2149" actId="790"/>
          <pc:sldLayoutMkLst>
            <pc:docMk/>
            <pc:sldMasterMk cId="2523064765" sldId="2147483660"/>
            <pc:sldLayoutMk cId="576168519" sldId="2147483692"/>
          </pc:sldLayoutMkLst>
          <pc:spChg chg="mod">
            <ac:chgData name="Anders Furuskär" userId="5c9f1a7d-b689-4c3c-9fb9-968669d3c21c" providerId="ADAL" clId="{F9FAD9AE-6342-434D-965D-0DE7D3FBD558}" dt="2020-01-10T08:02:51.845" v="2149" actId="790"/>
            <ac:spMkLst>
              <pc:docMk/>
              <pc:sldMasterMk cId="2523064765" sldId="2147483660"/>
              <pc:sldLayoutMk cId="576168519" sldId="2147483692"/>
              <ac:spMk id="9" creationId="{B200748E-0B61-48E1-8B47-504C30250995}"/>
            </ac:spMkLst>
          </pc:spChg>
        </pc:sldLayoutChg>
        <pc:sldLayoutChg chg="modSp">
          <pc:chgData name="Anders Furuskär" userId="5c9f1a7d-b689-4c3c-9fb9-968669d3c21c" providerId="ADAL" clId="{F9FAD9AE-6342-434D-965D-0DE7D3FBD558}" dt="2020-01-10T08:02:51.905" v="2160"/>
          <pc:sldLayoutMkLst>
            <pc:docMk/>
            <pc:sldMasterMk cId="2523064765" sldId="2147483660"/>
            <pc:sldLayoutMk cId="787326472" sldId="2147483693"/>
          </pc:sldLayoutMkLst>
          <pc:spChg chg="mod">
            <ac:chgData name="Anders Furuskär" userId="5c9f1a7d-b689-4c3c-9fb9-968669d3c21c" providerId="ADAL" clId="{F9FAD9AE-6342-434D-965D-0DE7D3FBD558}" dt="2020-01-10T08:02:51.639" v="1953" actId="790"/>
            <ac:spMkLst>
              <pc:docMk/>
              <pc:sldMasterMk cId="2523064765" sldId="2147483660"/>
              <pc:sldLayoutMk cId="787326472" sldId="2147483693"/>
              <ac:spMk id="9" creationId="{07AC4DB9-933C-4680-A281-C11929BCC2F5}"/>
            </ac:spMkLst>
          </pc:spChg>
          <pc:spChg chg="mod">
            <ac:chgData name="Anders Furuskär" userId="5c9f1a7d-b689-4c3c-9fb9-968669d3c21c" providerId="ADAL" clId="{F9FAD9AE-6342-434D-965D-0DE7D3FBD558}" dt="2020-01-10T08:02:51.640" v="1954" actId="790"/>
            <ac:spMkLst>
              <pc:docMk/>
              <pc:sldMasterMk cId="2523064765" sldId="2147483660"/>
              <pc:sldLayoutMk cId="787326472" sldId="2147483693"/>
              <ac:spMk id="11" creationId="{7B568BB6-C8A4-4545-B025-7D97CC4692BC}"/>
            </ac:spMkLst>
          </pc:spChg>
          <pc:spChg chg="mod">
            <ac:chgData name="Anders Furuskär" userId="5c9f1a7d-b689-4c3c-9fb9-968669d3c21c" providerId="ADAL" clId="{F9FAD9AE-6342-434D-965D-0DE7D3FBD558}" dt="2020-01-10T08:02:51.636" v="1950" actId="790"/>
            <ac:spMkLst>
              <pc:docMk/>
              <pc:sldMasterMk cId="2523064765" sldId="2147483660"/>
              <pc:sldLayoutMk cId="787326472" sldId="2147483693"/>
              <ac:spMk id="12" creationId="{FB327327-50E0-4AA3-A3F9-F297582FC782}"/>
            </ac:spMkLst>
          </pc:spChg>
          <pc:spChg chg="mod">
            <ac:chgData name="Anders Furuskär" userId="5c9f1a7d-b689-4c3c-9fb9-968669d3c21c" providerId="ADAL" clId="{F9FAD9AE-6342-434D-965D-0DE7D3FBD558}" dt="2020-01-10T08:02:51.641" v="1955" actId="790"/>
            <ac:spMkLst>
              <pc:docMk/>
              <pc:sldMasterMk cId="2523064765" sldId="2147483660"/>
              <pc:sldLayoutMk cId="787326472" sldId="2147483693"/>
              <ac:spMk id="13" creationId="{D51585B7-9911-4BC2-ACC7-3D991408BDDF}"/>
            </ac:spMkLst>
          </pc:spChg>
          <pc:spChg chg="mod">
            <ac:chgData name="Anders Furuskär" userId="5c9f1a7d-b689-4c3c-9fb9-968669d3c21c" providerId="ADAL" clId="{F9FAD9AE-6342-434D-965D-0DE7D3FBD558}" dt="2020-01-10T08:02:51.905" v="2160"/>
            <ac:spMkLst>
              <pc:docMk/>
              <pc:sldMasterMk cId="2523064765" sldId="2147483660"/>
              <pc:sldLayoutMk cId="787326472" sldId="2147483693"/>
              <ac:spMk id="14" creationId="{89DFBA61-B916-44BD-A1D9-F41D32B7BCB6}"/>
            </ac:spMkLst>
          </pc:spChg>
          <pc:spChg chg="mod">
            <ac:chgData name="Anders Furuskär" userId="5c9f1a7d-b689-4c3c-9fb9-968669d3c21c" providerId="ADAL" clId="{F9FAD9AE-6342-434D-965D-0DE7D3FBD558}" dt="2020-01-10T08:02:51.643" v="1957" actId="790"/>
            <ac:spMkLst>
              <pc:docMk/>
              <pc:sldMasterMk cId="2523064765" sldId="2147483660"/>
              <pc:sldLayoutMk cId="787326472" sldId="2147483693"/>
              <ac:spMk id="15" creationId="{27FCDB26-E6AD-44EC-BD53-56F02C5E322F}"/>
            </ac:spMkLst>
          </pc:spChg>
          <pc:spChg chg="mod">
            <ac:chgData name="Anders Furuskär" userId="5c9f1a7d-b689-4c3c-9fb9-968669d3c21c" providerId="ADAL" clId="{F9FAD9AE-6342-434D-965D-0DE7D3FBD558}" dt="2020-01-10T08:02:51.639" v="1952" actId="790"/>
            <ac:spMkLst>
              <pc:docMk/>
              <pc:sldMasterMk cId="2523064765" sldId="2147483660"/>
              <pc:sldLayoutMk cId="787326472" sldId="2147483693"/>
              <ac:spMk id="22530" creationId="{00000000-0000-0000-0000-000000000000}"/>
            </ac:spMkLst>
          </pc:spChg>
          <pc:spChg chg="mod">
            <ac:chgData name="Anders Furuskär" userId="5c9f1a7d-b689-4c3c-9fb9-968669d3c21c" providerId="ADAL" clId="{F9FAD9AE-6342-434D-965D-0DE7D3FBD558}" dt="2020-01-10T08:02:51.637" v="1951" actId="790"/>
            <ac:spMkLst>
              <pc:docMk/>
              <pc:sldMasterMk cId="2523064765" sldId="2147483660"/>
              <pc:sldLayoutMk cId="787326472" sldId="2147483693"/>
              <ac:spMk id="22531" creationId="{00000000-0000-0000-0000-000000000000}"/>
            </ac:spMkLst>
          </pc:spChg>
        </pc:sldLayoutChg>
        <pc:sldLayoutChg chg="modSp">
          <pc:chgData name="Anders Furuskär" userId="5c9f1a7d-b689-4c3c-9fb9-968669d3c21c" providerId="ADAL" clId="{F9FAD9AE-6342-434D-965D-0DE7D3FBD558}" dt="2020-01-10T08:02:51.996" v="2226"/>
          <pc:sldLayoutMkLst>
            <pc:docMk/>
            <pc:sldMasterMk cId="2523064765" sldId="2147483660"/>
            <pc:sldLayoutMk cId="3607999529" sldId="2147483694"/>
          </pc:sldLayoutMkLst>
          <pc:spChg chg="mod">
            <ac:chgData name="Anders Furuskär" userId="5c9f1a7d-b689-4c3c-9fb9-968669d3c21c" providerId="ADAL" clId="{F9FAD9AE-6342-434D-965D-0DE7D3FBD558}" dt="2020-01-10T08:02:51.729" v="2047" actId="790"/>
            <ac:spMkLst>
              <pc:docMk/>
              <pc:sldMasterMk cId="2523064765" sldId="2147483660"/>
              <pc:sldLayoutMk cId="3607999529" sldId="2147483694"/>
              <ac:spMk id="4" creationId="{784F54AF-EED6-486A-9ACA-42061F4AAE9A}"/>
            </ac:spMkLst>
          </pc:spChg>
          <pc:spChg chg="mod">
            <ac:chgData name="Anders Furuskär" userId="5c9f1a7d-b689-4c3c-9fb9-968669d3c21c" providerId="ADAL" clId="{F9FAD9AE-6342-434D-965D-0DE7D3FBD558}" dt="2020-01-10T08:02:51.727" v="2046" actId="790"/>
            <ac:spMkLst>
              <pc:docMk/>
              <pc:sldMasterMk cId="2523064765" sldId="2147483660"/>
              <pc:sldLayoutMk cId="3607999529" sldId="2147483694"/>
              <ac:spMk id="6" creationId="{3F4EF873-DC0F-4698-BEC2-502DB043AA5C}"/>
            </ac:spMkLst>
          </pc:spChg>
          <pc:spChg chg="mod">
            <ac:chgData name="Anders Furuskär" userId="5c9f1a7d-b689-4c3c-9fb9-968669d3c21c" providerId="ADAL" clId="{F9FAD9AE-6342-434D-965D-0DE7D3FBD558}" dt="2020-01-10T08:02:51.996" v="2226"/>
            <ac:spMkLst>
              <pc:docMk/>
              <pc:sldMasterMk cId="2523064765" sldId="2147483660"/>
              <pc:sldLayoutMk cId="3607999529" sldId="2147483694"/>
              <ac:spMk id="7" creationId="{DB8BC610-C1B0-4C6A-B5C2-80DA487CE5DE}"/>
            </ac:spMkLst>
          </pc:spChg>
          <pc:spChg chg="mod">
            <ac:chgData name="Anders Furuskär" userId="5c9f1a7d-b689-4c3c-9fb9-968669d3c21c" providerId="ADAL" clId="{F9FAD9AE-6342-434D-965D-0DE7D3FBD558}" dt="2020-01-10T08:02:51.731" v="2049" actId="790"/>
            <ac:spMkLst>
              <pc:docMk/>
              <pc:sldMasterMk cId="2523064765" sldId="2147483660"/>
              <pc:sldLayoutMk cId="3607999529" sldId="2147483694"/>
              <ac:spMk id="9" creationId="{F5902C4D-6221-4E36-A2F9-055DD2942060}"/>
            </ac:spMkLst>
          </pc:spChg>
        </pc:sldLayoutChg>
        <pc:sldLayoutChg chg="modSp">
          <pc:chgData name="Anders Furuskär" userId="5c9f1a7d-b689-4c3c-9fb9-968669d3c21c" providerId="ADAL" clId="{F9FAD9AE-6342-434D-965D-0DE7D3FBD558}" dt="2020-01-10T08:02:52.044" v="2259"/>
          <pc:sldLayoutMkLst>
            <pc:docMk/>
            <pc:sldMasterMk cId="2523064765" sldId="2147483660"/>
            <pc:sldLayoutMk cId="3545725332" sldId="2147483696"/>
          </pc:sldLayoutMkLst>
          <pc:spChg chg="mod">
            <ac:chgData name="Anders Furuskär" userId="5c9f1a7d-b689-4c3c-9fb9-968669d3c21c" providerId="ADAL" clId="{F9FAD9AE-6342-434D-965D-0DE7D3FBD558}" dt="2020-01-10T08:02:51.787" v="2099" actId="790"/>
            <ac:spMkLst>
              <pc:docMk/>
              <pc:sldMasterMk cId="2523064765" sldId="2147483660"/>
              <pc:sldLayoutMk cId="3545725332" sldId="2147483696"/>
              <ac:spMk id="6" creationId="{00000000-0000-0000-0000-000000000000}"/>
            </ac:spMkLst>
          </pc:spChg>
          <pc:spChg chg="mod">
            <ac:chgData name="Anders Furuskär" userId="5c9f1a7d-b689-4c3c-9fb9-968669d3c21c" providerId="ADAL" clId="{F9FAD9AE-6342-434D-965D-0DE7D3FBD558}" dt="2020-01-10T08:02:51.790" v="2101" actId="790"/>
            <ac:spMkLst>
              <pc:docMk/>
              <pc:sldMasterMk cId="2523064765" sldId="2147483660"/>
              <pc:sldLayoutMk cId="3545725332" sldId="2147483696"/>
              <ac:spMk id="7" creationId="{8E3794F8-471D-4987-945F-3C29BB03AB49}"/>
            </ac:spMkLst>
          </pc:spChg>
          <pc:spChg chg="mod">
            <ac:chgData name="Anders Furuskär" userId="5c9f1a7d-b689-4c3c-9fb9-968669d3c21c" providerId="ADAL" clId="{F9FAD9AE-6342-434D-965D-0DE7D3FBD558}" dt="2020-01-10T08:02:51.788" v="2100" actId="790"/>
            <ac:spMkLst>
              <pc:docMk/>
              <pc:sldMasterMk cId="2523064765" sldId="2147483660"/>
              <pc:sldLayoutMk cId="3545725332" sldId="2147483696"/>
              <ac:spMk id="8" creationId="{00000000-0000-0000-0000-000000000000}"/>
            </ac:spMkLst>
          </pc:spChg>
          <pc:spChg chg="mod">
            <ac:chgData name="Anders Furuskär" userId="5c9f1a7d-b689-4c3c-9fb9-968669d3c21c" providerId="ADAL" clId="{F9FAD9AE-6342-434D-965D-0DE7D3FBD558}" dt="2020-01-10T08:02:52.044" v="2259"/>
            <ac:spMkLst>
              <pc:docMk/>
              <pc:sldMasterMk cId="2523064765" sldId="2147483660"/>
              <pc:sldLayoutMk cId="3545725332" sldId="2147483696"/>
              <ac:spMk id="9" creationId="{2C8570FA-FAA3-4EFA-A4F1-01C285AE39DE}"/>
            </ac:spMkLst>
          </pc:spChg>
          <pc:spChg chg="mod">
            <ac:chgData name="Anders Furuskär" userId="5c9f1a7d-b689-4c3c-9fb9-968669d3c21c" providerId="ADAL" clId="{F9FAD9AE-6342-434D-965D-0DE7D3FBD558}" dt="2020-01-10T08:02:51.785" v="2098" actId="790"/>
            <ac:spMkLst>
              <pc:docMk/>
              <pc:sldMasterMk cId="2523064765" sldId="2147483660"/>
              <pc:sldLayoutMk cId="3545725332" sldId="2147483696"/>
              <ac:spMk id="10" creationId="{6B686A21-AA96-4B0A-B7CE-F4C6D5D31B32}"/>
            </ac:spMkLst>
          </pc:spChg>
          <pc:spChg chg="mod">
            <ac:chgData name="Anders Furuskär" userId="5c9f1a7d-b689-4c3c-9fb9-968669d3c21c" providerId="ADAL" clId="{F9FAD9AE-6342-434D-965D-0DE7D3FBD558}" dt="2020-01-10T08:02:51.792" v="2103" actId="790"/>
            <ac:spMkLst>
              <pc:docMk/>
              <pc:sldMasterMk cId="2523064765" sldId="2147483660"/>
              <pc:sldLayoutMk cId="3545725332" sldId="2147483696"/>
              <ac:spMk id="12" creationId="{CABEA97C-68C1-4FF0-BE0B-B792D9655202}"/>
            </ac:spMkLst>
          </pc:spChg>
        </pc:sldLayoutChg>
        <pc:sldLayoutChg chg="modSp">
          <pc:chgData name="Anders Furuskär" userId="5c9f1a7d-b689-4c3c-9fb9-968669d3c21c" providerId="ADAL" clId="{F9FAD9AE-6342-434D-965D-0DE7D3FBD558}" dt="2020-01-10T08:02:51.958" v="2199"/>
          <pc:sldLayoutMkLst>
            <pc:docMk/>
            <pc:sldMasterMk cId="2523064765" sldId="2147483660"/>
            <pc:sldLayoutMk cId="3551733153" sldId="2147483697"/>
          </pc:sldLayoutMkLst>
          <pc:spChg chg="mod">
            <ac:chgData name="Anders Furuskär" userId="5c9f1a7d-b689-4c3c-9fb9-968669d3c21c" providerId="ADAL" clId="{F9FAD9AE-6342-434D-965D-0DE7D3FBD558}" dt="2020-01-10T08:02:51.692" v="2010" actId="790"/>
            <ac:spMkLst>
              <pc:docMk/>
              <pc:sldMasterMk cId="2523064765" sldId="2147483660"/>
              <pc:sldLayoutMk cId="3551733153" sldId="2147483697"/>
              <ac:spMk id="3" creationId="{54D93672-2A04-4EF3-916F-2C920729FB07}"/>
            </ac:spMkLst>
          </pc:spChg>
          <pc:spChg chg="mod">
            <ac:chgData name="Anders Furuskär" userId="5c9f1a7d-b689-4c3c-9fb9-968669d3c21c" providerId="ADAL" clId="{F9FAD9AE-6342-434D-965D-0DE7D3FBD558}" dt="2020-01-10T08:02:51.693" v="2011" actId="790"/>
            <ac:spMkLst>
              <pc:docMk/>
              <pc:sldMasterMk cId="2523064765" sldId="2147483660"/>
              <pc:sldLayoutMk cId="3551733153" sldId="2147483697"/>
              <ac:spMk id="4" creationId="{00000000-0000-0000-0000-000000000000}"/>
            </ac:spMkLst>
          </pc:spChg>
          <pc:spChg chg="mod">
            <ac:chgData name="Anders Furuskär" userId="5c9f1a7d-b689-4c3c-9fb9-968669d3c21c" providerId="ADAL" clId="{F9FAD9AE-6342-434D-965D-0DE7D3FBD558}" dt="2020-01-10T08:02:51.958" v="2199"/>
            <ac:spMkLst>
              <pc:docMk/>
              <pc:sldMasterMk cId="2523064765" sldId="2147483660"/>
              <pc:sldLayoutMk cId="3551733153" sldId="2147483697"/>
              <ac:spMk id="5" creationId="{56BFCB29-C939-4442-981C-DE6A97866D13}"/>
            </ac:spMkLst>
          </pc:spChg>
          <pc:spChg chg="mod">
            <ac:chgData name="Anders Furuskär" userId="5c9f1a7d-b689-4c3c-9fb9-968669d3c21c" providerId="ADAL" clId="{F9FAD9AE-6342-434D-965D-0DE7D3FBD558}" dt="2020-01-10T08:02:51.695" v="2013" actId="790"/>
            <ac:spMkLst>
              <pc:docMk/>
              <pc:sldMasterMk cId="2523064765" sldId="2147483660"/>
              <pc:sldLayoutMk cId="3551733153" sldId="2147483697"/>
              <ac:spMk id="7" creationId="{CDFB9A14-FAD3-478A-957D-C7B532F6669C}"/>
            </ac:spMkLst>
          </pc:spChg>
        </pc:sldLayoutChg>
        <pc:sldLayoutChg chg="modSp">
          <pc:chgData name="Anders Furuskär" userId="5c9f1a7d-b689-4c3c-9fb9-968669d3c21c" providerId="ADAL" clId="{F9FAD9AE-6342-434D-965D-0DE7D3FBD558}" dt="2020-01-10T08:02:51.963" v="2202"/>
          <pc:sldLayoutMkLst>
            <pc:docMk/>
            <pc:sldMasterMk cId="2523064765" sldId="2147483660"/>
            <pc:sldLayoutMk cId="1673924324" sldId="2147483698"/>
          </pc:sldLayoutMkLst>
          <pc:spChg chg="mod">
            <ac:chgData name="Anders Furuskär" userId="5c9f1a7d-b689-4c3c-9fb9-968669d3c21c" providerId="ADAL" clId="{F9FAD9AE-6342-434D-965D-0DE7D3FBD558}" dt="2020-01-10T08:02:51.695" v="2014" actId="790"/>
            <ac:spMkLst>
              <pc:docMk/>
              <pc:sldMasterMk cId="2523064765" sldId="2147483660"/>
              <pc:sldLayoutMk cId="1673924324" sldId="2147483698"/>
              <ac:spMk id="3" creationId="{54D93672-2A04-4EF3-916F-2C920729FB07}"/>
            </ac:spMkLst>
          </pc:spChg>
          <pc:spChg chg="mod">
            <ac:chgData name="Anders Furuskär" userId="5c9f1a7d-b689-4c3c-9fb9-968669d3c21c" providerId="ADAL" clId="{F9FAD9AE-6342-434D-965D-0DE7D3FBD558}" dt="2020-01-10T08:02:51.695" v="2015" actId="790"/>
            <ac:spMkLst>
              <pc:docMk/>
              <pc:sldMasterMk cId="2523064765" sldId="2147483660"/>
              <pc:sldLayoutMk cId="1673924324" sldId="2147483698"/>
              <ac:spMk id="4" creationId="{00000000-0000-0000-0000-000000000000}"/>
            </ac:spMkLst>
          </pc:spChg>
          <pc:spChg chg="mod">
            <ac:chgData name="Anders Furuskär" userId="5c9f1a7d-b689-4c3c-9fb9-968669d3c21c" providerId="ADAL" clId="{F9FAD9AE-6342-434D-965D-0DE7D3FBD558}" dt="2020-01-10T08:02:51.963" v="2202"/>
            <ac:spMkLst>
              <pc:docMk/>
              <pc:sldMasterMk cId="2523064765" sldId="2147483660"/>
              <pc:sldLayoutMk cId="1673924324" sldId="2147483698"/>
              <ac:spMk id="5" creationId="{D4262351-4A54-4EAA-990E-D909E1CAD758}"/>
            </ac:spMkLst>
          </pc:spChg>
          <pc:spChg chg="mod">
            <ac:chgData name="Anders Furuskär" userId="5c9f1a7d-b689-4c3c-9fb9-968669d3c21c" providerId="ADAL" clId="{F9FAD9AE-6342-434D-965D-0DE7D3FBD558}" dt="2020-01-10T08:02:51.697" v="2017" actId="790"/>
            <ac:spMkLst>
              <pc:docMk/>
              <pc:sldMasterMk cId="2523064765" sldId="2147483660"/>
              <pc:sldLayoutMk cId="1673924324" sldId="2147483698"/>
              <ac:spMk id="7" creationId="{26AD250A-4DBC-40DE-AFFC-E7624FE87538}"/>
            </ac:spMkLst>
          </pc:spChg>
        </pc:sldLayoutChg>
        <pc:sldLayoutChg chg="modSp">
          <pc:chgData name="Anders Furuskär" userId="5c9f1a7d-b689-4c3c-9fb9-968669d3c21c" providerId="ADAL" clId="{F9FAD9AE-6342-434D-965D-0DE7D3FBD558}" dt="2020-01-10T08:02:51.967" v="2205"/>
          <pc:sldLayoutMkLst>
            <pc:docMk/>
            <pc:sldMasterMk cId="2523064765" sldId="2147483660"/>
            <pc:sldLayoutMk cId="1526597446" sldId="2147483699"/>
          </pc:sldLayoutMkLst>
          <pc:spChg chg="mod">
            <ac:chgData name="Anders Furuskär" userId="5c9f1a7d-b689-4c3c-9fb9-968669d3c21c" providerId="ADAL" clId="{F9FAD9AE-6342-434D-965D-0DE7D3FBD558}" dt="2020-01-10T08:02:51.699" v="2018" actId="790"/>
            <ac:spMkLst>
              <pc:docMk/>
              <pc:sldMasterMk cId="2523064765" sldId="2147483660"/>
              <pc:sldLayoutMk cId="1526597446" sldId="2147483699"/>
              <ac:spMk id="3" creationId="{54D93672-2A04-4EF3-916F-2C920729FB07}"/>
            </ac:spMkLst>
          </pc:spChg>
          <pc:spChg chg="mod">
            <ac:chgData name="Anders Furuskär" userId="5c9f1a7d-b689-4c3c-9fb9-968669d3c21c" providerId="ADAL" clId="{F9FAD9AE-6342-434D-965D-0DE7D3FBD558}" dt="2020-01-10T08:02:51.700" v="2019" actId="790"/>
            <ac:spMkLst>
              <pc:docMk/>
              <pc:sldMasterMk cId="2523064765" sldId="2147483660"/>
              <pc:sldLayoutMk cId="1526597446" sldId="2147483699"/>
              <ac:spMk id="4" creationId="{00000000-0000-0000-0000-000000000000}"/>
            </ac:spMkLst>
          </pc:spChg>
          <pc:spChg chg="mod">
            <ac:chgData name="Anders Furuskär" userId="5c9f1a7d-b689-4c3c-9fb9-968669d3c21c" providerId="ADAL" clId="{F9FAD9AE-6342-434D-965D-0DE7D3FBD558}" dt="2020-01-10T08:02:51.967" v="2205"/>
            <ac:spMkLst>
              <pc:docMk/>
              <pc:sldMasterMk cId="2523064765" sldId="2147483660"/>
              <pc:sldLayoutMk cId="1526597446" sldId="2147483699"/>
              <ac:spMk id="5" creationId="{128B6DA1-0170-4C5B-ABCB-83F1E4B0ECBB}"/>
            </ac:spMkLst>
          </pc:spChg>
          <pc:spChg chg="mod">
            <ac:chgData name="Anders Furuskär" userId="5c9f1a7d-b689-4c3c-9fb9-968669d3c21c" providerId="ADAL" clId="{F9FAD9AE-6342-434D-965D-0DE7D3FBD558}" dt="2020-01-10T08:02:51.702" v="2021" actId="790"/>
            <ac:spMkLst>
              <pc:docMk/>
              <pc:sldMasterMk cId="2523064765" sldId="2147483660"/>
              <pc:sldLayoutMk cId="1526597446" sldId="2147483699"/>
              <ac:spMk id="7" creationId="{1DDC2944-9064-423F-8989-C84E9A8FA793}"/>
            </ac:spMkLst>
          </pc:spChg>
        </pc:sldLayoutChg>
        <pc:sldLayoutChg chg="modSp">
          <pc:chgData name="Anders Furuskär" userId="5c9f1a7d-b689-4c3c-9fb9-968669d3c21c" providerId="ADAL" clId="{F9FAD9AE-6342-434D-965D-0DE7D3FBD558}" dt="2020-01-10T08:02:51.970" v="2208"/>
          <pc:sldLayoutMkLst>
            <pc:docMk/>
            <pc:sldMasterMk cId="2523064765" sldId="2147483660"/>
            <pc:sldLayoutMk cId="2476838218" sldId="2147483700"/>
          </pc:sldLayoutMkLst>
          <pc:spChg chg="mod">
            <ac:chgData name="Anders Furuskär" userId="5c9f1a7d-b689-4c3c-9fb9-968669d3c21c" providerId="ADAL" clId="{F9FAD9AE-6342-434D-965D-0DE7D3FBD558}" dt="2020-01-10T08:02:51.703" v="2022" actId="790"/>
            <ac:spMkLst>
              <pc:docMk/>
              <pc:sldMasterMk cId="2523064765" sldId="2147483660"/>
              <pc:sldLayoutMk cId="2476838218" sldId="2147483700"/>
              <ac:spMk id="3" creationId="{54D93672-2A04-4EF3-916F-2C920729FB07}"/>
            </ac:spMkLst>
          </pc:spChg>
          <pc:spChg chg="mod">
            <ac:chgData name="Anders Furuskär" userId="5c9f1a7d-b689-4c3c-9fb9-968669d3c21c" providerId="ADAL" clId="{F9FAD9AE-6342-434D-965D-0DE7D3FBD558}" dt="2020-01-10T08:02:51.703" v="2023" actId="790"/>
            <ac:spMkLst>
              <pc:docMk/>
              <pc:sldMasterMk cId="2523064765" sldId="2147483660"/>
              <pc:sldLayoutMk cId="2476838218" sldId="2147483700"/>
              <ac:spMk id="4" creationId="{00000000-0000-0000-0000-000000000000}"/>
            </ac:spMkLst>
          </pc:spChg>
          <pc:spChg chg="mod">
            <ac:chgData name="Anders Furuskär" userId="5c9f1a7d-b689-4c3c-9fb9-968669d3c21c" providerId="ADAL" clId="{F9FAD9AE-6342-434D-965D-0DE7D3FBD558}" dt="2020-01-10T08:02:51.970" v="2208"/>
            <ac:spMkLst>
              <pc:docMk/>
              <pc:sldMasterMk cId="2523064765" sldId="2147483660"/>
              <pc:sldLayoutMk cId="2476838218" sldId="2147483700"/>
              <ac:spMk id="5" creationId="{8F93BC53-EE81-4467-94F1-401BB6631310}"/>
            </ac:spMkLst>
          </pc:spChg>
          <pc:spChg chg="mod">
            <ac:chgData name="Anders Furuskär" userId="5c9f1a7d-b689-4c3c-9fb9-968669d3c21c" providerId="ADAL" clId="{F9FAD9AE-6342-434D-965D-0DE7D3FBD558}" dt="2020-01-10T08:02:51.706" v="2025" actId="790"/>
            <ac:spMkLst>
              <pc:docMk/>
              <pc:sldMasterMk cId="2523064765" sldId="2147483660"/>
              <pc:sldLayoutMk cId="2476838218" sldId="2147483700"/>
              <ac:spMk id="7" creationId="{28FE6F9E-68CB-4EDC-92EF-E3371EEA23DA}"/>
            </ac:spMkLst>
          </pc:spChg>
        </pc:sldLayoutChg>
        <pc:sldLayoutChg chg="modSp">
          <pc:chgData name="Anders Furuskär" userId="5c9f1a7d-b689-4c3c-9fb9-968669d3c21c" providerId="ADAL" clId="{F9FAD9AE-6342-434D-965D-0DE7D3FBD558}" dt="2020-01-10T08:02:51.975" v="2211"/>
          <pc:sldLayoutMkLst>
            <pc:docMk/>
            <pc:sldMasterMk cId="2523064765" sldId="2147483660"/>
            <pc:sldLayoutMk cId="3501140641" sldId="2147483701"/>
          </pc:sldLayoutMkLst>
          <pc:spChg chg="mod">
            <ac:chgData name="Anders Furuskär" userId="5c9f1a7d-b689-4c3c-9fb9-968669d3c21c" providerId="ADAL" clId="{F9FAD9AE-6342-434D-965D-0DE7D3FBD558}" dt="2020-01-10T08:02:51.706" v="2026" actId="790"/>
            <ac:spMkLst>
              <pc:docMk/>
              <pc:sldMasterMk cId="2523064765" sldId="2147483660"/>
              <pc:sldLayoutMk cId="3501140641" sldId="2147483701"/>
              <ac:spMk id="3" creationId="{54D93672-2A04-4EF3-916F-2C920729FB07}"/>
            </ac:spMkLst>
          </pc:spChg>
          <pc:spChg chg="mod">
            <ac:chgData name="Anders Furuskär" userId="5c9f1a7d-b689-4c3c-9fb9-968669d3c21c" providerId="ADAL" clId="{F9FAD9AE-6342-434D-965D-0DE7D3FBD558}" dt="2020-01-10T08:02:51.707" v="2027" actId="790"/>
            <ac:spMkLst>
              <pc:docMk/>
              <pc:sldMasterMk cId="2523064765" sldId="2147483660"/>
              <pc:sldLayoutMk cId="3501140641" sldId="2147483701"/>
              <ac:spMk id="4" creationId="{00000000-0000-0000-0000-000000000000}"/>
            </ac:spMkLst>
          </pc:spChg>
          <pc:spChg chg="mod">
            <ac:chgData name="Anders Furuskär" userId="5c9f1a7d-b689-4c3c-9fb9-968669d3c21c" providerId="ADAL" clId="{F9FAD9AE-6342-434D-965D-0DE7D3FBD558}" dt="2020-01-10T08:02:51.975" v="2211"/>
            <ac:spMkLst>
              <pc:docMk/>
              <pc:sldMasterMk cId="2523064765" sldId="2147483660"/>
              <pc:sldLayoutMk cId="3501140641" sldId="2147483701"/>
              <ac:spMk id="5" creationId="{064BC3BB-EB1F-4C03-845A-197D7CB3D7FF}"/>
            </ac:spMkLst>
          </pc:spChg>
          <pc:spChg chg="mod">
            <ac:chgData name="Anders Furuskär" userId="5c9f1a7d-b689-4c3c-9fb9-968669d3c21c" providerId="ADAL" clId="{F9FAD9AE-6342-434D-965D-0DE7D3FBD558}" dt="2020-01-10T08:02:51.709" v="2029" actId="790"/>
            <ac:spMkLst>
              <pc:docMk/>
              <pc:sldMasterMk cId="2523064765" sldId="2147483660"/>
              <pc:sldLayoutMk cId="3501140641" sldId="2147483701"/>
              <ac:spMk id="7" creationId="{10F60CD3-0F2D-42D6-B39D-C861213831E0}"/>
            </ac:spMkLst>
          </pc:spChg>
        </pc:sldLayoutChg>
        <pc:sldLayoutChg chg="modSp">
          <pc:chgData name="Anders Furuskär" userId="5c9f1a7d-b689-4c3c-9fb9-968669d3c21c" providerId="ADAL" clId="{F9FAD9AE-6342-434D-965D-0DE7D3FBD558}" dt="2020-01-10T08:02:51.979" v="2214"/>
          <pc:sldLayoutMkLst>
            <pc:docMk/>
            <pc:sldMasterMk cId="2523064765" sldId="2147483660"/>
            <pc:sldLayoutMk cId="4094464793" sldId="2147483702"/>
          </pc:sldLayoutMkLst>
          <pc:spChg chg="mod">
            <ac:chgData name="Anders Furuskär" userId="5c9f1a7d-b689-4c3c-9fb9-968669d3c21c" providerId="ADAL" clId="{F9FAD9AE-6342-434D-965D-0DE7D3FBD558}" dt="2020-01-10T08:02:51.710" v="2030" actId="790"/>
            <ac:spMkLst>
              <pc:docMk/>
              <pc:sldMasterMk cId="2523064765" sldId="2147483660"/>
              <pc:sldLayoutMk cId="4094464793" sldId="2147483702"/>
              <ac:spMk id="3" creationId="{54D93672-2A04-4EF3-916F-2C920729FB07}"/>
            </ac:spMkLst>
          </pc:spChg>
          <pc:spChg chg="mod">
            <ac:chgData name="Anders Furuskär" userId="5c9f1a7d-b689-4c3c-9fb9-968669d3c21c" providerId="ADAL" clId="{F9FAD9AE-6342-434D-965D-0DE7D3FBD558}" dt="2020-01-10T08:02:51.711" v="2031" actId="790"/>
            <ac:spMkLst>
              <pc:docMk/>
              <pc:sldMasterMk cId="2523064765" sldId="2147483660"/>
              <pc:sldLayoutMk cId="4094464793" sldId="2147483702"/>
              <ac:spMk id="4" creationId="{00000000-0000-0000-0000-000000000000}"/>
            </ac:spMkLst>
          </pc:spChg>
          <pc:spChg chg="mod">
            <ac:chgData name="Anders Furuskär" userId="5c9f1a7d-b689-4c3c-9fb9-968669d3c21c" providerId="ADAL" clId="{F9FAD9AE-6342-434D-965D-0DE7D3FBD558}" dt="2020-01-10T08:02:51.979" v="2214"/>
            <ac:spMkLst>
              <pc:docMk/>
              <pc:sldMasterMk cId="2523064765" sldId="2147483660"/>
              <pc:sldLayoutMk cId="4094464793" sldId="2147483702"/>
              <ac:spMk id="5" creationId="{EE432ACF-022C-4E4D-A91E-50BCA41421CC}"/>
            </ac:spMkLst>
          </pc:spChg>
          <pc:spChg chg="mod">
            <ac:chgData name="Anders Furuskär" userId="5c9f1a7d-b689-4c3c-9fb9-968669d3c21c" providerId="ADAL" clId="{F9FAD9AE-6342-434D-965D-0DE7D3FBD558}" dt="2020-01-10T08:02:51.713" v="2033" actId="790"/>
            <ac:spMkLst>
              <pc:docMk/>
              <pc:sldMasterMk cId="2523064765" sldId="2147483660"/>
              <pc:sldLayoutMk cId="4094464793" sldId="2147483702"/>
              <ac:spMk id="7" creationId="{5B4E638F-9BC6-4741-A3D8-E259C93F0F0D}"/>
            </ac:spMkLst>
          </pc:spChg>
        </pc:sldLayoutChg>
        <pc:sldLayoutChg chg="modSp">
          <pc:chgData name="Anders Furuskär" userId="5c9f1a7d-b689-4c3c-9fb9-968669d3c21c" providerId="ADAL" clId="{F9FAD9AE-6342-434D-965D-0DE7D3FBD558}" dt="2020-01-10T08:02:51.982" v="2217"/>
          <pc:sldLayoutMkLst>
            <pc:docMk/>
            <pc:sldMasterMk cId="2523064765" sldId="2147483660"/>
            <pc:sldLayoutMk cId="3745137931" sldId="2147483703"/>
          </pc:sldLayoutMkLst>
          <pc:spChg chg="mod">
            <ac:chgData name="Anders Furuskär" userId="5c9f1a7d-b689-4c3c-9fb9-968669d3c21c" providerId="ADAL" clId="{F9FAD9AE-6342-434D-965D-0DE7D3FBD558}" dt="2020-01-10T08:02:51.713" v="2034" actId="790"/>
            <ac:spMkLst>
              <pc:docMk/>
              <pc:sldMasterMk cId="2523064765" sldId="2147483660"/>
              <pc:sldLayoutMk cId="3745137931" sldId="2147483703"/>
              <ac:spMk id="3" creationId="{54D93672-2A04-4EF3-916F-2C920729FB07}"/>
            </ac:spMkLst>
          </pc:spChg>
          <pc:spChg chg="mod">
            <ac:chgData name="Anders Furuskär" userId="5c9f1a7d-b689-4c3c-9fb9-968669d3c21c" providerId="ADAL" clId="{F9FAD9AE-6342-434D-965D-0DE7D3FBD558}" dt="2020-01-10T08:02:51.714" v="2035" actId="790"/>
            <ac:spMkLst>
              <pc:docMk/>
              <pc:sldMasterMk cId="2523064765" sldId="2147483660"/>
              <pc:sldLayoutMk cId="3745137931" sldId="2147483703"/>
              <ac:spMk id="4" creationId="{00000000-0000-0000-0000-000000000000}"/>
            </ac:spMkLst>
          </pc:spChg>
          <pc:spChg chg="mod">
            <ac:chgData name="Anders Furuskär" userId="5c9f1a7d-b689-4c3c-9fb9-968669d3c21c" providerId="ADAL" clId="{F9FAD9AE-6342-434D-965D-0DE7D3FBD558}" dt="2020-01-10T08:02:51.982" v="2217"/>
            <ac:spMkLst>
              <pc:docMk/>
              <pc:sldMasterMk cId="2523064765" sldId="2147483660"/>
              <pc:sldLayoutMk cId="3745137931" sldId="2147483703"/>
              <ac:spMk id="5" creationId="{8A859F72-32B2-47EB-8CB5-BCF639CDADF5}"/>
            </ac:spMkLst>
          </pc:spChg>
          <pc:spChg chg="mod">
            <ac:chgData name="Anders Furuskär" userId="5c9f1a7d-b689-4c3c-9fb9-968669d3c21c" providerId="ADAL" clId="{F9FAD9AE-6342-434D-965D-0DE7D3FBD558}" dt="2020-01-10T08:02:51.716" v="2037" actId="790"/>
            <ac:spMkLst>
              <pc:docMk/>
              <pc:sldMasterMk cId="2523064765" sldId="2147483660"/>
              <pc:sldLayoutMk cId="3745137931" sldId="2147483703"/>
              <ac:spMk id="7" creationId="{4EDD5C80-CD72-4597-8F70-395B8174120F}"/>
            </ac:spMkLst>
          </pc:spChg>
        </pc:sldLayoutChg>
        <pc:sldLayoutChg chg="modSp">
          <pc:chgData name="Anders Furuskär" userId="5c9f1a7d-b689-4c3c-9fb9-968669d3c21c" providerId="ADAL" clId="{F9FAD9AE-6342-434D-965D-0DE7D3FBD558}" dt="2020-01-10T08:02:51.847" v="2151" actId="790"/>
          <pc:sldLayoutMkLst>
            <pc:docMk/>
            <pc:sldMasterMk cId="2523064765" sldId="2147483660"/>
            <pc:sldLayoutMk cId="685361043" sldId="2147483704"/>
          </pc:sldLayoutMkLst>
          <pc:spChg chg="mod">
            <ac:chgData name="Anders Furuskär" userId="5c9f1a7d-b689-4c3c-9fb9-968669d3c21c" providerId="ADAL" clId="{F9FAD9AE-6342-434D-965D-0DE7D3FBD558}" dt="2020-01-10T08:02:51.846" v="2150" actId="790"/>
            <ac:spMkLst>
              <pc:docMk/>
              <pc:sldMasterMk cId="2523064765" sldId="2147483660"/>
              <pc:sldLayoutMk cId="685361043" sldId="2147483704"/>
              <ac:spMk id="2" creationId="{BAEBC62E-40C0-43CF-98DC-55F7A1D1FD31}"/>
            </ac:spMkLst>
          </pc:spChg>
          <pc:spChg chg="mod">
            <ac:chgData name="Anders Furuskär" userId="5c9f1a7d-b689-4c3c-9fb9-968669d3c21c" providerId="ADAL" clId="{F9FAD9AE-6342-434D-965D-0DE7D3FBD558}" dt="2020-01-10T08:02:51.847" v="2151" actId="790"/>
            <ac:spMkLst>
              <pc:docMk/>
              <pc:sldMasterMk cId="2523064765" sldId="2147483660"/>
              <pc:sldLayoutMk cId="685361043" sldId="2147483704"/>
              <ac:spMk id="9" creationId="{B200748E-0B61-48E1-8B47-504C30250995}"/>
            </ac:spMkLst>
          </pc:spChg>
        </pc:sldLayoutChg>
        <pc:sldLayoutChg chg="modSp">
          <pc:chgData name="Anders Furuskär" userId="5c9f1a7d-b689-4c3c-9fb9-968669d3c21c" providerId="ADAL" clId="{F9FAD9AE-6342-434D-965D-0DE7D3FBD558}" dt="2020-01-10T08:02:51.863" v="2152" actId="790"/>
          <pc:sldLayoutMkLst>
            <pc:docMk/>
            <pc:sldMasterMk cId="2523064765" sldId="2147483660"/>
            <pc:sldLayoutMk cId="1410470591" sldId="2147483705"/>
          </pc:sldLayoutMkLst>
          <pc:spChg chg="mod">
            <ac:chgData name="Anders Furuskär" userId="5c9f1a7d-b689-4c3c-9fb9-968669d3c21c" providerId="ADAL" clId="{F9FAD9AE-6342-434D-965D-0DE7D3FBD558}" dt="2020-01-10T08:02:51.863" v="2152" actId="790"/>
            <ac:spMkLst>
              <pc:docMk/>
              <pc:sldMasterMk cId="2523064765" sldId="2147483660"/>
              <pc:sldLayoutMk cId="1410470591" sldId="2147483705"/>
              <ac:spMk id="5" creationId="{99AF35DD-3E5E-42CB-AFA5-5E09E14F72A4}"/>
            </ac:spMkLst>
          </pc:spChg>
        </pc:sldLayoutChg>
        <pc:sldLayoutChg chg="modSp">
          <pc:chgData name="Anders Furuskär" userId="5c9f1a7d-b689-4c3c-9fb9-968669d3c21c" providerId="ADAL" clId="{F9FAD9AE-6342-434D-965D-0DE7D3FBD558}" dt="2020-01-10T08:02:51.991" v="2223"/>
          <pc:sldLayoutMkLst>
            <pc:docMk/>
            <pc:sldMasterMk cId="2523064765" sldId="2147483660"/>
            <pc:sldLayoutMk cId="3443338964" sldId="2147483706"/>
          </pc:sldLayoutMkLst>
          <pc:spChg chg="mod">
            <ac:chgData name="Anders Furuskär" userId="5c9f1a7d-b689-4c3c-9fb9-968669d3c21c" providerId="ADAL" clId="{F9FAD9AE-6342-434D-965D-0DE7D3FBD558}" dt="2020-01-10T08:02:51.723" v="2043" actId="790"/>
            <ac:spMkLst>
              <pc:docMk/>
              <pc:sldMasterMk cId="2523064765" sldId="2147483660"/>
              <pc:sldLayoutMk cId="3443338964" sldId="2147483706"/>
              <ac:spMk id="3" creationId="{810CFEFC-6AC8-4817-A0D3-6029D48BD293}"/>
            </ac:spMkLst>
          </pc:spChg>
          <pc:spChg chg="mod">
            <ac:chgData name="Anders Furuskär" userId="5c9f1a7d-b689-4c3c-9fb9-968669d3c21c" providerId="ADAL" clId="{F9FAD9AE-6342-434D-965D-0DE7D3FBD558}" dt="2020-01-10T08:02:51.721" v="2042" actId="790"/>
            <ac:spMkLst>
              <pc:docMk/>
              <pc:sldMasterMk cId="2523064765" sldId="2147483660"/>
              <pc:sldLayoutMk cId="3443338964" sldId="2147483706"/>
              <ac:spMk id="5" creationId="{00000000-0000-0000-0000-000000000000}"/>
            </ac:spMkLst>
          </pc:spChg>
          <pc:spChg chg="mod">
            <ac:chgData name="Anders Furuskär" userId="5c9f1a7d-b689-4c3c-9fb9-968669d3c21c" providerId="ADAL" clId="{F9FAD9AE-6342-434D-965D-0DE7D3FBD558}" dt="2020-01-10T08:02:51.991" v="2223"/>
            <ac:spMkLst>
              <pc:docMk/>
              <pc:sldMasterMk cId="2523064765" sldId="2147483660"/>
              <pc:sldLayoutMk cId="3443338964" sldId="2147483706"/>
              <ac:spMk id="8" creationId="{C2AD0284-E6BA-49D8-AB3F-D94DBB1D54F0}"/>
            </ac:spMkLst>
          </pc:spChg>
          <pc:spChg chg="mod">
            <ac:chgData name="Anders Furuskär" userId="5c9f1a7d-b689-4c3c-9fb9-968669d3c21c" providerId="ADAL" clId="{F9FAD9AE-6342-434D-965D-0DE7D3FBD558}" dt="2020-01-10T08:02:51.726" v="2045" actId="790"/>
            <ac:spMkLst>
              <pc:docMk/>
              <pc:sldMasterMk cId="2523064765" sldId="2147483660"/>
              <pc:sldLayoutMk cId="3443338964" sldId="2147483706"/>
              <ac:spMk id="11" creationId="{87C4DFC4-62BA-4C52-B36B-44A75684A81F}"/>
            </ac:spMkLst>
          </pc:spChg>
        </pc:sldLayoutChg>
      </pc:sldMasterChg>
    </pc:docChg>
  </pc:docChgLst>
  <pc:docChgLst>
    <pc:chgData name="Ven Sampath" userId="43c95753-c0cd-4c0b-b3ee-40e89a88158d" providerId="ADAL" clId="{E578C5ED-D29D-4209-ADE7-7AB5FB4C6826}"/>
    <pc:docChg chg="custSel modMainMaster">
      <pc:chgData name="Ven Sampath" userId="43c95753-c0cd-4c0b-b3ee-40e89a88158d" providerId="ADAL" clId="{E578C5ED-D29D-4209-ADE7-7AB5FB4C6826}" dt="2020-01-11T19:13:10.451" v="122"/>
      <pc:docMkLst>
        <pc:docMk/>
      </pc:docMkLst>
      <pc:sldMasterChg chg="modSldLayout">
        <pc:chgData name="Ven Sampath" userId="43c95753-c0cd-4c0b-b3ee-40e89a88158d" providerId="ADAL" clId="{E578C5ED-D29D-4209-ADE7-7AB5FB4C6826}" dt="2020-01-11T19:13:10.451" v="122"/>
        <pc:sldMasterMkLst>
          <pc:docMk/>
          <pc:sldMasterMk cId="2523064765" sldId="2147483660"/>
        </pc:sldMasterMkLst>
        <pc:sldLayoutChg chg="modSp">
          <pc:chgData name="Ven Sampath" userId="43c95753-c0cd-4c0b-b3ee-40e89a88158d" providerId="ADAL" clId="{E578C5ED-D29D-4209-ADE7-7AB5FB4C6826}" dt="2020-01-11T19:13:10.101" v="2"/>
          <pc:sldLayoutMkLst>
            <pc:docMk/>
            <pc:sldMasterMk cId="2523064765" sldId="2147483660"/>
            <pc:sldLayoutMk cId="1374575616" sldId="2147483661"/>
          </pc:sldLayoutMkLst>
          <pc:spChg chg="mod">
            <ac:chgData name="Ven Sampath" userId="43c95753-c0cd-4c0b-b3ee-40e89a88158d" providerId="ADAL" clId="{E578C5ED-D29D-4209-ADE7-7AB5FB4C6826}" dt="2020-01-11T19:13:10.101" v="2"/>
            <ac:spMkLst>
              <pc:docMk/>
              <pc:sldMasterMk cId="2523064765" sldId="2147483660"/>
              <pc:sldLayoutMk cId="1374575616" sldId="2147483661"/>
              <ac:spMk id="9" creationId="{72C1EE1F-EF94-4EBA-A010-8BC3D2F38C39}"/>
            </ac:spMkLst>
          </pc:spChg>
        </pc:sldLayoutChg>
        <pc:sldLayoutChg chg="modSp">
          <pc:chgData name="Ven Sampath" userId="43c95753-c0cd-4c0b-b3ee-40e89a88158d" providerId="ADAL" clId="{E578C5ED-D29D-4209-ADE7-7AB5FB4C6826}" dt="2020-01-11T19:13:10.134" v="8"/>
          <pc:sldLayoutMkLst>
            <pc:docMk/>
            <pc:sldMasterMk cId="2523064765" sldId="2147483660"/>
            <pc:sldLayoutMk cId="1085322578" sldId="2147483662"/>
          </pc:sldLayoutMkLst>
          <pc:spChg chg="mod">
            <ac:chgData name="Ven Sampath" userId="43c95753-c0cd-4c0b-b3ee-40e89a88158d" providerId="ADAL" clId="{E578C5ED-D29D-4209-ADE7-7AB5FB4C6826}" dt="2020-01-11T19:13:10.134" v="8"/>
            <ac:spMkLst>
              <pc:docMk/>
              <pc:sldMasterMk cId="2523064765" sldId="2147483660"/>
              <pc:sldLayoutMk cId="1085322578" sldId="2147483662"/>
              <ac:spMk id="7" creationId="{3AD885ED-EA58-419A-BC0B-F06CF9659422}"/>
            </ac:spMkLst>
          </pc:spChg>
        </pc:sldLayoutChg>
        <pc:sldLayoutChg chg="modSp">
          <pc:chgData name="Ven Sampath" userId="43c95753-c0cd-4c0b-b3ee-40e89a88158d" providerId="ADAL" clId="{E578C5ED-D29D-4209-ADE7-7AB5FB4C6826}" dt="2020-01-11T19:13:10.148" v="11"/>
          <pc:sldLayoutMkLst>
            <pc:docMk/>
            <pc:sldMasterMk cId="2523064765" sldId="2147483660"/>
            <pc:sldLayoutMk cId="2064663325" sldId="2147483664"/>
          </pc:sldLayoutMkLst>
          <pc:spChg chg="mod">
            <ac:chgData name="Ven Sampath" userId="43c95753-c0cd-4c0b-b3ee-40e89a88158d" providerId="ADAL" clId="{E578C5ED-D29D-4209-ADE7-7AB5FB4C6826}" dt="2020-01-11T19:13:10.148" v="11"/>
            <ac:spMkLst>
              <pc:docMk/>
              <pc:sldMasterMk cId="2523064765" sldId="2147483660"/>
              <pc:sldLayoutMk cId="2064663325" sldId="2147483664"/>
              <ac:spMk id="8" creationId="{866A1512-27D5-4CA8-94C5-10E56C30705D}"/>
            </ac:spMkLst>
          </pc:spChg>
        </pc:sldLayoutChg>
        <pc:sldLayoutChg chg="modSp">
          <pc:chgData name="Ven Sampath" userId="43c95753-c0cd-4c0b-b3ee-40e89a88158d" providerId="ADAL" clId="{E578C5ED-D29D-4209-ADE7-7AB5FB4C6826}" dt="2020-01-11T19:13:10.159" v="14"/>
          <pc:sldLayoutMkLst>
            <pc:docMk/>
            <pc:sldMasterMk cId="2523064765" sldId="2147483660"/>
            <pc:sldLayoutMk cId="2108219646" sldId="2147483665"/>
          </pc:sldLayoutMkLst>
          <pc:spChg chg="mod">
            <ac:chgData name="Ven Sampath" userId="43c95753-c0cd-4c0b-b3ee-40e89a88158d" providerId="ADAL" clId="{E578C5ED-D29D-4209-ADE7-7AB5FB4C6826}" dt="2020-01-11T19:13:10.159" v="14"/>
            <ac:spMkLst>
              <pc:docMk/>
              <pc:sldMasterMk cId="2523064765" sldId="2147483660"/>
              <pc:sldLayoutMk cId="2108219646" sldId="2147483665"/>
              <ac:spMk id="7" creationId="{F4D3A834-11EE-4BDF-A704-0BF0873EFBA3}"/>
            </ac:spMkLst>
          </pc:spChg>
        </pc:sldLayoutChg>
        <pc:sldLayoutChg chg="modSp">
          <pc:chgData name="Ven Sampath" userId="43c95753-c0cd-4c0b-b3ee-40e89a88158d" providerId="ADAL" clId="{E578C5ED-D29D-4209-ADE7-7AB5FB4C6826}" dt="2020-01-11T19:13:10.169" v="17"/>
          <pc:sldLayoutMkLst>
            <pc:docMk/>
            <pc:sldMasterMk cId="2523064765" sldId="2147483660"/>
            <pc:sldLayoutMk cId="299406540" sldId="2147483666"/>
          </pc:sldLayoutMkLst>
          <pc:spChg chg="mod">
            <ac:chgData name="Ven Sampath" userId="43c95753-c0cd-4c0b-b3ee-40e89a88158d" providerId="ADAL" clId="{E578C5ED-D29D-4209-ADE7-7AB5FB4C6826}" dt="2020-01-11T19:13:10.169" v="17"/>
            <ac:spMkLst>
              <pc:docMk/>
              <pc:sldMasterMk cId="2523064765" sldId="2147483660"/>
              <pc:sldLayoutMk cId="299406540" sldId="2147483666"/>
              <ac:spMk id="7" creationId="{A51D0608-0A57-43BF-AD18-8DFD8B5D249B}"/>
            </ac:spMkLst>
          </pc:spChg>
        </pc:sldLayoutChg>
        <pc:sldLayoutChg chg="modSp">
          <pc:chgData name="Ven Sampath" userId="43c95753-c0cd-4c0b-b3ee-40e89a88158d" providerId="ADAL" clId="{E578C5ED-D29D-4209-ADE7-7AB5FB4C6826}" dt="2020-01-11T19:13:10.180" v="20"/>
          <pc:sldLayoutMkLst>
            <pc:docMk/>
            <pc:sldMasterMk cId="2523064765" sldId="2147483660"/>
            <pc:sldLayoutMk cId="3450366910" sldId="2147483667"/>
          </pc:sldLayoutMkLst>
          <pc:spChg chg="mod">
            <ac:chgData name="Ven Sampath" userId="43c95753-c0cd-4c0b-b3ee-40e89a88158d" providerId="ADAL" clId="{E578C5ED-D29D-4209-ADE7-7AB5FB4C6826}" dt="2020-01-11T19:13:10.180" v="20"/>
            <ac:spMkLst>
              <pc:docMk/>
              <pc:sldMasterMk cId="2523064765" sldId="2147483660"/>
              <pc:sldLayoutMk cId="3450366910" sldId="2147483667"/>
              <ac:spMk id="7" creationId="{89A384A6-2ED7-4C73-9166-564C827C9CC4}"/>
            </ac:spMkLst>
          </pc:spChg>
        </pc:sldLayoutChg>
        <pc:sldLayoutChg chg="modSp">
          <pc:chgData name="Ven Sampath" userId="43c95753-c0cd-4c0b-b3ee-40e89a88158d" providerId="ADAL" clId="{E578C5ED-D29D-4209-ADE7-7AB5FB4C6826}" dt="2020-01-11T19:13:10.192" v="23"/>
          <pc:sldLayoutMkLst>
            <pc:docMk/>
            <pc:sldMasterMk cId="2523064765" sldId="2147483660"/>
            <pc:sldLayoutMk cId="3593654033" sldId="2147483668"/>
          </pc:sldLayoutMkLst>
          <pc:spChg chg="mod">
            <ac:chgData name="Ven Sampath" userId="43c95753-c0cd-4c0b-b3ee-40e89a88158d" providerId="ADAL" clId="{E578C5ED-D29D-4209-ADE7-7AB5FB4C6826}" dt="2020-01-11T19:13:10.192" v="23"/>
            <ac:spMkLst>
              <pc:docMk/>
              <pc:sldMasterMk cId="2523064765" sldId="2147483660"/>
              <pc:sldLayoutMk cId="3593654033" sldId="2147483668"/>
              <ac:spMk id="7" creationId="{88BB9017-2EBC-4916-882A-FAB5684DE9CF}"/>
            </ac:spMkLst>
          </pc:spChg>
        </pc:sldLayoutChg>
        <pc:sldLayoutChg chg="modSp">
          <pc:chgData name="Ven Sampath" userId="43c95753-c0cd-4c0b-b3ee-40e89a88158d" providerId="ADAL" clId="{E578C5ED-D29D-4209-ADE7-7AB5FB4C6826}" dt="2020-01-11T19:13:10.203" v="26"/>
          <pc:sldLayoutMkLst>
            <pc:docMk/>
            <pc:sldMasterMk cId="2523064765" sldId="2147483660"/>
            <pc:sldLayoutMk cId="4136202525" sldId="2147483669"/>
          </pc:sldLayoutMkLst>
          <pc:spChg chg="mod">
            <ac:chgData name="Ven Sampath" userId="43c95753-c0cd-4c0b-b3ee-40e89a88158d" providerId="ADAL" clId="{E578C5ED-D29D-4209-ADE7-7AB5FB4C6826}" dt="2020-01-11T19:13:10.203" v="26"/>
            <ac:spMkLst>
              <pc:docMk/>
              <pc:sldMasterMk cId="2523064765" sldId="2147483660"/>
              <pc:sldLayoutMk cId="4136202525" sldId="2147483669"/>
              <ac:spMk id="7" creationId="{515DEFEB-D8FB-411D-89D1-C457BD4FE531}"/>
            </ac:spMkLst>
          </pc:spChg>
        </pc:sldLayoutChg>
        <pc:sldLayoutChg chg="modSp">
          <pc:chgData name="Ven Sampath" userId="43c95753-c0cd-4c0b-b3ee-40e89a88158d" providerId="ADAL" clId="{E578C5ED-D29D-4209-ADE7-7AB5FB4C6826}" dt="2020-01-11T19:13:10.214" v="29"/>
          <pc:sldLayoutMkLst>
            <pc:docMk/>
            <pc:sldMasterMk cId="2523064765" sldId="2147483660"/>
            <pc:sldLayoutMk cId="1267818655" sldId="2147483670"/>
          </pc:sldLayoutMkLst>
          <pc:spChg chg="mod">
            <ac:chgData name="Ven Sampath" userId="43c95753-c0cd-4c0b-b3ee-40e89a88158d" providerId="ADAL" clId="{E578C5ED-D29D-4209-ADE7-7AB5FB4C6826}" dt="2020-01-11T19:13:10.214" v="29"/>
            <ac:spMkLst>
              <pc:docMk/>
              <pc:sldMasterMk cId="2523064765" sldId="2147483660"/>
              <pc:sldLayoutMk cId="1267818655" sldId="2147483670"/>
              <ac:spMk id="7" creationId="{E08DADFB-44CC-4810-9193-0C9F586CE666}"/>
            </ac:spMkLst>
          </pc:spChg>
        </pc:sldLayoutChg>
        <pc:sldLayoutChg chg="modSp">
          <pc:chgData name="Ven Sampath" userId="43c95753-c0cd-4c0b-b3ee-40e89a88158d" providerId="ADAL" clId="{E578C5ED-D29D-4209-ADE7-7AB5FB4C6826}" dt="2020-01-11T19:13:10.226" v="32"/>
          <pc:sldLayoutMkLst>
            <pc:docMk/>
            <pc:sldMasterMk cId="2523064765" sldId="2147483660"/>
            <pc:sldLayoutMk cId="3355176887" sldId="2147483671"/>
          </pc:sldLayoutMkLst>
          <pc:spChg chg="mod">
            <ac:chgData name="Ven Sampath" userId="43c95753-c0cd-4c0b-b3ee-40e89a88158d" providerId="ADAL" clId="{E578C5ED-D29D-4209-ADE7-7AB5FB4C6826}" dt="2020-01-11T19:13:10.226" v="32"/>
            <ac:spMkLst>
              <pc:docMk/>
              <pc:sldMasterMk cId="2523064765" sldId="2147483660"/>
              <pc:sldLayoutMk cId="3355176887" sldId="2147483671"/>
              <ac:spMk id="4" creationId="{7AB1CD1C-AD0D-4C0E-8012-BDF9F1E4C38B}"/>
            </ac:spMkLst>
          </pc:spChg>
        </pc:sldLayoutChg>
        <pc:sldLayoutChg chg="modSp">
          <pc:chgData name="Ven Sampath" userId="43c95753-c0cd-4c0b-b3ee-40e89a88158d" providerId="ADAL" clId="{E578C5ED-D29D-4209-ADE7-7AB5FB4C6826}" dt="2020-01-11T19:13:10.251" v="35"/>
          <pc:sldLayoutMkLst>
            <pc:docMk/>
            <pc:sldMasterMk cId="2523064765" sldId="2147483660"/>
            <pc:sldLayoutMk cId="1793964376" sldId="2147483672"/>
          </pc:sldLayoutMkLst>
          <pc:spChg chg="mod">
            <ac:chgData name="Ven Sampath" userId="43c95753-c0cd-4c0b-b3ee-40e89a88158d" providerId="ADAL" clId="{E578C5ED-D29D-4209-ADE7-7AB5FB4C6826}" dt="2020-01-11T19:13:10.251" v="35"/>
            <ac:spMkLst>
              <pc:docMk/>
              <pc:sldMasterMk cId="2523064765" sldId="2147483660"/>
              <pc:sldLayoutMk cId="1793964376" sldId="2147483672"/>
              <ac:spMk id="3" creationId="{76D5DBE1-F5A0-4F54-BCB1-8A4278408056}"/>
            </ac:spMkLst>
          </pc:spChg>
        </pc:sldLayoutChg>
        <pc:sldLayoutChg chg="modSp">
          <pc:chgData name="Ven Sampath" userId="43c95753-c0cd-4c0b-b3ee-40e89a88158d" providerId="ADAL" clId="{E578C5ED-D29D-4209-ADE7-7AB5FB4C6826}" dt="2020-01-11T19:13:10.274" v="41"/>
          <pc:sldLayoutMkLst>
            <pc:docMk/>
            <pc:sldMasterMk cId="2523064765" sldId="2147483660"/>
            <pc:sldLayoutMk cId="3415456144" sldId="2147483673"/>
          </pc:sldLayoutMkLst>
          <pc:spChg chg="mod">
            <ac:chgData name="Ven Sampath" userId="43c95753-c0cd-4c0b-b3ee-40e89a88158d" providerId="ADAL" clId="{E578C5ED-D29D-4209-ADE7-7AB5FB4C6826}" dt="2020-01-11T19:13:10.274" v="41"/>
            <ac:spMkLst>
              <pc:docMk/>
              <pc:sldMasterMk cId="2523064765" sldId="2147483660"/>
              <pc:sldLayoutMk cId="3415456144" sldId="2147483673"/>
              <ac:spMk id="3" creationId="{C44ECCE6-4D94-443E-8C20-CA233A5C0572}"/>
            </ac:spMkLst>
          </pc:spChg>
        </pc:sldLayoutChg>
        <pc:sldLayoutChg chg="modSp">
          <pc:chgData name="Ven Sampath" userId="43c95753-c0cd-4c0b-b3ee-40e89a88158d" providerId="ADAL" clId="{E578C5ED-D29D-4209-ADE7-7AB5FB4C6826}" dt="2020-01-11T19:13:10.347" v="65"/>
          <pc:sldLayoutMkLst>
            <pc:docMk/>
            <pc:sldMasterMk cId="2523064765" sldId="2147483660"/>
            <pc:sldLayoutMk cId="3933167755" sldId="2147483674"/>
          </pc:sldLayoutMkLst>
          <pc:spChg chg="mod">
            <ac:chgData name="Ven Sampath" userId="43c95753-c0cd-4c0b-b3ee-40e89a88158d" providerId="ADAL" clId="{E578C5ED-D29D-4209-ADE7-7AB5FB4C6826}" dt="2020-01-11T19:13:10.347" v="65"/>
            <ac:spMkLst>
              <pc:docMk/>
              <pc:sldMasterMk cId="2523064765" sldId="2147483660"/>
              <pc:sldLayoutMk cId="3933167755" sldId="2147483674"/>
              <ac:spMk id="8" creationId="{C2AD0284-E6BA-49D8-AB3F-D94DBB1D54F0}"/>
            </ac:spMkLst>
          </pc:spChg>
        </pc:sldLayoutChg>
        <pc:sldLayoutChg chg="modSp">
          <pc:chgData name="Ven Sampath" userId="43c95753-c0cd-4c0b-b3ee-40e89a88158d" providerId="ADAL" clId="{E578C5ED-D29D-4209-ADE7-7AB5FB4C6826}" dt="2020-01-11T19:13:10.387" v="86"/>
          <pc:sldLayoutMkLst>
            <pc:docMk/>
            <pc:sldMasterMk cId="2523064765" sldId="2147483660"/>
            <pc:sldLayoutMk cId="675883818" sldId="2147483675"/>
          </pc:sldLayoutMkLst>
          <pc:spChg chg="mod">
            <ac:chgData name="Ven Sampath" userId="43c95753-c0cd-4c0b-b3ee-40e89a88158d" providerId="ADAL" clId="{E578C5ED-D29D-4209-ADE7-7AB5FB4C6826}" dt="2020-01-11T19:13:10.387" v="86"/>
            <ac:spMkLst>
              <pc:docMk/>
              <pc:sldMasterMk cId="2523064765" sldId="2147483660"/>
              <pc:sldLayoutMk cId="675883818" sldId="2147483675"/>
              <ac:spMk id="8" creationId="{53797230-5A6C-4718-8C90-CB9F2709B382}"/>
            </ac:spMkLst>
          </pc:spChg>
        </pc:sldLayoutChg>
        <pc:sldLayoutChg chg="modSp">
          <pc:chgData name="Ven Sampath" userId="43c95753-c0cd-4c0b-b3ee-40e89a88158d" providerId="ADAL" clId="{E578C5ED-D29D-4209-ADE7-7AB5FB4C6826}" dt="2020-01-11T19:13:10.393" v="89"/>
          <pc:sldLayoutMkLst>
            <pc:docMk/>
            <pc:sldMasterMk cId="2523064765" sldId="2147483660"/>
            <pc:sldLayoutMk cId="192221419" sldId="2147483676"/>
          </pc:sldLayoutMkLst>
          <pc:spChg chg="mod">
            <ac:chgData name="Ven Sampath" userId="43c95753-c0cd-4c0b-b3ee-40e89a88158d" providerId="ADAL" clId="{E578C5ED-D29D-4209-ADE7-7AB5FB4C6826}" dt="2020-01-11T19:13:10.393" v="89"/>
            <ac:spMkLst>
              <pc:docMk/>
              <pc:sldMasterMk cId="2523064765" sldId="2147483660"/>
              <pc:sldLayoutMk cId="192221419" sldId="2147483676"/>
              <ac:spMk id="9" creationId="{00E7BBCA-E768-4FD9-82EA-328297783367}"/>
            </ac:spMkLst>
          </pc:spChg>
        </pc:sldLayoutChg>
        <pc:sldLayoutChg chg="modSp">
          <pc:chgData name="Ven Sampath" userId="43c95753-c0cd-4c0b-b3ee-40e89a88158d" providerId="ADAL" clId="{E578C5ED-D29D-4209-ADE7-7AB5FB4C6826}" dt="2020-01-11T19:13:10.425" v="107"/>
          <pc:sldLayoutMkLst>
            <pc:docMk/>
            <pc:sldMasterMk cId="2523064765" sldId="2147483660"/>
            <pc:sldLayoutMk cId="1896068706" sldId="2147483677"/>
          </pc:sldLayoutMkLst>
          <pc:spChg chg="mod">
            <ac:chgData name="Ven Sampath" userId="43c95753-c0cd-4c0b-b3ee-40e89a88158d" providerId="ADAL" clId="{E578C5ED-D29D-4209-ADE7-7AB5FB4C6826}" dt="2020-01-11T19:13:10.425" v="107"/>
            <ac:spMkLst>
              <pc:docMk/>
              <pc:sldMasterMk cId="2523064765" sldId="2147483660"/>
              <pc:sldLayoutMk cId="1896068706" sldId="2147483677"/>
              <ac:spMk id="9" creationId="{4815D3F0-43E8-418F-A5E4-30F31668DC0E}"/>
            </ac:spMkLst>
          </pc:spChg>
        </pc:sldLayoutChg>
        <pc:sldLayoutChg chg="modSp">
          <pc:chgData name="Ven Sampath" userId="43c95753-c0cd-4c0b-b3ee-40e89a88158d" providerId="ADAL" clId="{E578C5ED-D29D-4209-ADE7-7AB5FB4C6826}" dt="2020-01-11T19:13:10.430" v="110"/>
          <pc:sldLayoutMkLst>
            <pc:docMk/>
            <pc:sldMasterMk cId="2523064765" sldId="2147483660"/>
            <pc:sldLayoutMk cId="2275899235" sldId="2147483678"/>
          </pc:sldLayoutMkLst>
          <pc:spChg chg="mod">
            <ac:chgData name="Ven Sampath" userId="43c95753-c0cd-4c0b-b3ee-40e89a88158d" providerId="ADAL" clId="{E578C5ED-D29D-4209-ADE7-7AB5FB4C6826}" dt="2020-01-11T19:13:10.430" v="110"/>
            <ac:spMkLst>
              <pc:docMk/>
              <pc:sldMasterMk cId="2523064765" sldId="2147483660"/>
              <pc:sldLayoutMk cId="2275899235" sldId="2147483678"/>
              <ac:spMk id="11" creationId="{A55C34B4-681E-4FDA-A9BB-6BC31D94C8D6}"/>
            </ac:spMkLst>
          </pc:spChg>
        </pc:sldLayoutChg>
        <pc:sldLayoutChg chg="modSp">
          <pc:chgData name="Ven Sampath" userId="43c95753-c0cd-4c0b-b3ee-40e89a88158d" providerId="ADAL" clId="{E578C5ED-D29D-4209-ADE7-7AB5FB4C6826}" dt="2020-01-11T19:13:10.436" v="113"/>
          <pc:sldLayoutMkLst>
            <pc:docMk/>
            <pc:sldMasterMk cId="2523064765" sldId="2147483660"/>
            <pc:sldLayoutMk cId="1509090296" sldId="2147483679"/>
          </pc:sldLayoutMkLst>
          <pc:spChg chg="mod">
            <ac:chgData name="Ven Sampath" userId="43c95753-c0cd-4c0b-b3ee-40e89a88158d" providerId="ADAL" clId="{E578C5ED-D29D-4209-ADE7-7AB5FB4C6826}" dt="2020-01-11T19:13:10.436" v="113"/>
            <ac:spMkLst>
              <pc:docMk/>
              <pc:sldMasterMk cId="2523064765" sldId="2147483660"/>
              <pc:sldLayoutMk cId="1509090296" sldId="2147483679"/>
              <ac:spMk id="11" creationId="{107CDD62-B47C-43AB-8BA0-F875DF45681E}"/>
            </ac:spMkLst>
          </pc:spChg>
        </pc:sldLayoutChg>
        <pc:sldLayoutChg chg="modSp">
          <pc:chgData name="Ven Sampath" userId="43c95753-c0cd-4c0b-b3ee-40e89a88158d" providerId="ADAL" clId="{E578C5ED-D29D-4209-ADE7-7AB5FB4C6826}" dt="2020-01-11T19:13:10.441" v="116"/>
          <pc:sldLayoutMkLst>
            <pc:docMk/>
            <pc:sldMasterMk cId="2523064765" sldId="2147483660"/>
            <pc:sldLayoutMk cId="3100695833" sldId="2147483680"/>
          </pc:sldLayoutMkLst>
          <pc:spChg chg="mod">
            <ac:chgData name="Ven Sampath" userId="43c95753-c0cd-4c0b-b3ee-40e89a88158d" providerId="ADAL" clId="{E578C5ED-D29D-4209-ADE7-7AB5FB4C6826}" dt="2020-01-11T19:13:10.441" v="116"/>
            <ac:spMkLst>
              <pc:docMk/>
              <pc:sldMasterMk cId="2523064765" sldId="2147483660"/>
              <pc:sldLayoutMk cId="3100695833" sldId="2147483680"/>
              <ac:spMk id="11" creationId="{A2963A4D-3277-42A5-8919-305DE5AD9247}"/>
            </ac:spMkLst>
          </pc:spChg>
        </pc:sldLayoutChg>
        <pc:sldLayoutChg chg="modSp">
          <pc:chgData name="Ven Sampath" userId="43c95753-c0cd-4c0b-b3ee-40e89a88158d" providerId="ADAL" clId="{E578C5ED-D29D-4209-ADE7-7AB5FB4C6826}" dt="2020-01-11T19:13:10.451" v="122"/>
          <pc:sldLayoutMkLst>
            <pc:docMk/>
            <pc:sldMasterMk cId="2523064765" sldId="2147483660"/>
            <pc:sldLayoutMk cId="1436988196" sldId="2147483681"/>
          </pc:sldLayoutMkLst>
          <pc:spChg chg="mod">
            <ac:chgData name="Ven Sampath" userId="43c95753-c0cd-4c0b-b3ee-40e89a88158d" providerId="ADAL" clId="{E578C5ED-D29D-4209-ADE7-7AB5FB4C6826}" dt="2020-01-11T19:13:10.451" v="122"/>
            <ac:spMkLst>
              <pc:docMk/>
              <pc:sldMasterMk cId="2523064765" sldId="2147483660"/>
              <pc:sldLayoutMk cId="1436988196" sldId="2147483681"/>
              <ac:spMk id="14" creationId="{089CBEB5-348B-49F3-8F8B-FDEE08950E37}"/>
            </ac:spMkLst>
          </pc:spChg>
        </pc:sldLayoutChg>
        <pc:sldLayoutChg chg="modSp">
          <pc:chgData name="Ven Sampath" userId="43c95753-c0cd-4c0b-b3ee-40e89a88158d" providerId="ADAL" clId="{E578C5ED-D29D-4209-ADE7-7AB5FB4C6826}" dt="2020-01-11T19:13:10.363" v="74"/>
          <pc:sldLayoutMkLst>
            <pc:docMk/>
            <pc:sldMasterMk cId="2523064765" sldId="2147483660"/>
            <pc:sldLayoutMk cId="4114665" sldId="2147483682"/>
          </pc:sldLayoutMkLst>
          <pc:spChg chg="mod">
            <ac:chgData name="Ven Sampath" userId="43c95753-c0cd-4c0b-b3ee-40e89a88158d" providerId="ADAL" clId="{E578C5ED-D29D-4209-ADE7-7AB5FB4C6826}" dt="2020-01-11T19:13:10.363" v="74"/>
            <ac:spMkLst>
              <pc:docMk/>
              <pc:sldMasterMk cId="2523064765" sldId="2147483660"/>
              <pc:sldLayoutMk cId="4114665" sldId="2147483682"/>
              <ac:spMk id="7" creationId="{EF2C589A-70A9-4C1E-92FD-76B1E60A1A29}"/>
            </ac:spMkLst>
          </pc:spChg>
        </pc:sldLayoutChg>
        <pc:sldLayoutChg chg="modSp">
          <pc:chgData name="Ven Sampath" userId="43c95753-c0cd-4c0b-b3ee-40e89a88158d" providerId="ADAL" clId="{E578C5ED-D29D-4209-ADE7-7AB5FB4C6826}" dt="2020-01-11T19:13:10.369" v="77"/>
          <pc:sldLayoutMkLst>
            <pc:docMk/>
            <pc:sldMasterMk cId="2523064765" sldId="2147483660"/>
            <pc:sldLayoutMk cId="584347284" sldId="2147483683"/>
          </pc:sldLayoutMkLst>
          <pc:spChg chg="mod">
            <ac:chgData name="Ven Sampath" userId="43c95753-c0cd-4c0b-b3ee-40e89a88158d" providerId="ADAL" clId="{E578C5ED-D29D-4209-ADE7-7AB5FB4C6826}" dt="2020-01-11T19:13:10.369" v="77"/>
            <ac:spMkLst>
              <pc:docMk/>
              <pc:sldMasterMk cId="2523064765" sldId="2147483660"/>
              <pc:sldLayoutMk cId="584347284" sldId="2147483683"/>
              <ac:spMk id="9" creationId="{4372D240-75C4-4747-BB0C-CDA1A95650A3}"/>
            </ac:spMkLst>
          </pc:spChg>
        </pc:sldLayoutChg>
        <pc:sldLayoutChg chg="modSp">
          <pc:chgData name="Ven Sampath" userId="43c95753-c0cd-4c0b-b3ee-40e89a88158d" providerId="ADAL" clId="{E578C5ED-D29D-4209-ADE7-7AB5FB4C6826}" dt="2020-01-11T19:13:10.374" v="80"/>
          <pc:sldLayoutMkLst>
            <pc:docMk/>
            <pc:sldMasterMk cId="2523064765" sldId="2147483660"/>
            <pc:sldLayoutMk cId="2522373556" sldId="2147483684"/>
          </pc:sldLayoutMkLst>
          <pc:spChg chg="mod">
            <ac:chgData name="Ven Sampath" userId="43c95753-c0cd-4c0b-b3ee-40e89a88158d" providerId="ADAL" clId="{E578C5ED-D29D-4209-ADE7-7AB5FB4C6826}" dt="2020-01-11T19:13:10.374" v="80"/>
            <ac:spMkLst>
              <pc:docMk/>
              <pc:sldMasterMk cId="2523064765" sldId="2147483660"/>
              <pc:sldLayoutMk cId="2522373556" sldId="2147483684"/>
              <ac:spMk id="7" creationId="{8D51E95B-B5A6-40B6-97CB-5F0FE563EB1D}"/>
            </ac:spMkLst>
          </pc:spChg>
        </pc:sldLayoutChg>
        <pc:sldLayoutChg chg="modSp">
          <pc:chgData name="Ven Sampath" userId="43c95753-c0cd-4c0b-b3ee-40e89a88158d" providerId="ADAL" clId="{E578C5ED-D29D-4209-ADE7-7AB5FB4C6826}" dt="2020-01-11T19:13:10.379" v="83"/>
          <pc:sldLayoutMkLst>
            <pc:docMk/>
            <pc:sldMasterMk cId="2523064765" sldId="2147483660"/>
            <pc:sldLayoutMk cId="2731981876" sldId="2147483685"/>
          </pc:sldLayoutMkLst>
          <pc:spChg chg="mod">
            <ac:chgData name="Ven Sampath" userId="43c95753-c0cd-4c0b-b3ee-40e89a88158d" providerId="ADAL" clId="{E578C5ED-D29D-4209-ADE7-7AB5FB4C6826}" dt="2020-01-11T19:13:10.379" v="83"/>
            <ac:spMkLst>
              <pc:docMk/>
              <pc:sldMasterMk cId="2523064765" sldId="2147483660"/>
              <pc:sldLayoutMk cId="2731981876" sldId="2147483685"/>
              <ac:spMk id="11" creationId="{4137CA89-AFF7-46A6-A978-5D6CF4C2A39A}"/>
            </ac:spMkLst>
          </pc:spChg>
        </pc:sldLayoutChg>
        <pc:sldLayoutChg chg="modSp">
          <pc:chgData name="Ven Sampath" userId="43c95753-c0cd-4c0b-b3ee-40e89a88158d" providerId="ADAL" clId="{E578C5ED-D29D-4209-ADE7-7AB5FB4C6826}" dt="2020-01-11T19:13:10.398" v="92"/>
          <pc:sldLayoutMkLst>
            <pc:docMk/>
            <pc:sldMasterMk cId="2523064765" sldId="2147483660"/>
            <pc:sldLayoutMk cId="1631202071" sldId="2147483686"/>
          </pc:sldLayoutMkLst>
          <pc:spChg chg="mod">
            <ac:chgData name="Ven Sampath" userId="43c95753-c0cd-4c0b-b3ee-40e89a88158d" providerId="ADAL" clId="{E578C5ED-D29D-4209-ADE7-7AB5FB4C6826}" dt="2020-01-11T19:13:10.398" v="92"/>
            <ac:spMkLst>
              <pc:docMk/>
              <pc:sldMasterMk cId="2523064765" sldId="2147483660"/>
              <pc:sldLayoutMk cId="1631202071" sldId="2147483686"/>
              <ac:spMk id="8" creationId="{4E1D7684-BC36-44BA-9074-E0D05038847F}"/>
            </ac:spMkLst>
          </pc:spChg>
        </pc:sldLayoutChg>
        <pc:sldLayoutChg chg="modSp">
          <pc:chgData name="Ven Sampath" userId="43c95753-c0cd-4c0b-b3ee-40e89a88158d" providerId="ADAL" clId="{E578C5ED-D29D-4209-ADE7-7AB5FB4C6826}" dt="2020-01-11T19:13:10.403" v="95"/>
          <pc:sldLayoutMkLst>
            <pc:docMk/>
            <pc:sldMasterMk cId="2523064765" sldId="2147483660"/>
            <pc:sldLayoutMk cId="185064145" sldId="2147483687"/>
          </pc:sldLayoutMkLst>
          <pc:spChg chg="mod">
            <ac:chgData name="Ven Sampath" userId="43c95753-c0cd-4c0b-b3ee-40e89a88158d" providerId="ADAL" clId="{E578C5ED-D29D-4209-ADE7-7AB5FB4C6826}" dt="2020-01-11T19:13:10.403" v="95"/>
            <ac:spMkLst>
              <pc:docMk/>
              <pc:sldMasterMk cId="2523064765" sldId="2147483660"/>
              <pc:sldLayoutMk cId="185064145" sldId="2147483687"/>
              <ac:spMk id="8" creationId="{227D3F0D-C903-4314-9038-82A30CA70290}"/>
            </ac:spMkLst>
          </pc:spChg>
        </pc:sldLayoutChg>
        <pc:sldLayoutChg chg="modSp">
          <pc:chgData name="Ven Sampath" userId="43c95753-c0cd-4c0b-b3ee-40e89a88158d" providerId="ADAL" clId="{E578C5ED-D29D-4209-ADE7-7AB5FB4C6826}" dt="2020-01-11T19:13:10.410" v="98"/>
          <pc:sldLayoutMkLst>
            <pc:docMk/>
            <pc:sldMasterMk cId="2523064765" sldId="2147483660"/>
            <pc:sldLayoutMk cId="3977286576" sldId="2147483688"/>
          </pc:sldLayoutMkLst>
          <pc:spChg chg="mod">
            <ac:chgData name="Ven Sampath" userId="43c95753-c0cd-4c0b-b3ee-40e89a88158d" providerId="ADAL" clId="{E578C5ED-D29D-4209-ADE7-7AB5FB4C6826}" dt="2020-01-11T19:13:10.410" v="98"/>
            <ac:spMkLst>
              <pc:docMk/>
              <pc:sldMasterMk cId="2523064765" sldId="2147483660"/>
              <pc:sldLayoutMk cId="3977286576" sldId="2147483688"/>
              <ac:spMk id="9" creationId="{4421DB2A-3017-4E73-8332-6B8D884A5493}"/>
            </ac:spMkLst>
          </pc:spChg>
        </pc:sldLayoutChg>
        <pc:sldLayoutChg chg="modSp">
          <pc:chgData name="Ven Sampath" userId="43c95753-c0cd-4c0b-b3ee-40e89a88158d" providerId="ADAL" clId="{E578C5ED-D29D-4209-ADE7-7AB5FB4C6826}" dt="2020-01-11T19:13:10.415" v="101"/>
          <pc:sldLayoutMkLst>
            <pc:docMk/>
            <pc:sldMasterMk cId="2523064765" sldId="2147483660"/>
            <pc:sldLayoutMk cId="1762546200" sldId="2147483689"/>
          </pc:sldLayoutMkLst>
          <pc:spChg chg="mod">
            <ac:chgData name="Ven Sampath" userId="43c95753-c0cd-4c0b-b3ee-40e89a88158d" providerId="ADAL" clId="{E578C5ED-D29D-4209-ADE7-7AB5FB4C6826}" dt="2020-01-11T19:13:10.415" v="101"/>
            <ac:spMkLst>
              <pc:docMk/>
              <pc:sldMasterMk cId="2523064765" sldId="2147483660"/>
              <pc:sldLayoutMk cId="1762546200" sldId="2147483689"/>
              <ac:spMk id="9" creationId="{4E5A81C5-0588-4509-B7B9-9497297F88ED}"/>
            </ac:spMkLst>
          </pc:spChg>
        </pc:sldLayoutChg>
        <pc:sldLayoutChg chg="modSp">
          <pc:chgData name="Ven Sampath" userId="43c95753-c0cd-4c0b-b3ee-40e89a88158d" providerId="ADAL" clId="{E578C5ED-D29D-4209-ADE7-7AB5FB4C6826}" dt="2020-01-11T19:13:10.446" v="119"/>
          <pc:sldLayoutMkLst>
            <pc:docMk/>
            <pc:sldMasterMk cId="2523064765" sldId="2147483660"/>
            <pc:sldLayoutMk cId="2548612008" sldId="2147483690"/>
          </pc:sldLayoutMkLst>
          <pc:spChg chg="mod">
            <ac:chgData name="Ven Sampath" userId="43c95753-c0cd-4c0b-b3ee-40e89a88158d" providerId="ADAL" clId="{E578C5ED-D29D-4209-ADE7-7AB5FB4C6826}" dt="2020-01-11T19:13:10.446" v="119"/>
            <ac:spMkLst>
              <pc:docMk/>
              <pc:sldMasterMk cId="2523064765" sldId="2147483660"/>
              <pc:sldLayoutMk cId="2548612008" sldId="2147483690"/>
              <ac:spMk id="10" creationId="{549048C1-340D-44C4-857B-1B201EC9A7E7}"/>
            </ac:spMkLst>
          </pc:spChg>
        </pc:sldLayoutChg>
        <pc:sldLayoutChg chg="modSp">
          <pc:chgData name="Ven Sampath" userId="43c95753-c0cd-4c0b-b3ee-40e89a88158d" providerId="ADAL" clId="{E578C5ED-D29D-4209-ADE7-7AB5FB4C6826}" dt="2020-01-11T19:13:10.262" v="38"/>
          <pc:sldLayoutMkLst>
            <pc:docMk/>
            <pc:sldMasterMk cId="2523064765" sldId="2147483660"/>
            <pc:sldLayoutMk cId="185933282" sldId="2147483691"/>
          </pc:sldLayoutMkLst>
          <pc:spChg chg="mod">
            <ac:chgData name="Ven Sampath" userId="43c95753-c0cd-4c0b-b3ee-40e89a88158d" providerId="ADAL" clId="{E578C5ED-D29D-4209-ADE7-7AB5FB4C6826}" dt="2020-01-11T19:13:10.262" v="38"/>
            <ac:spMkLst>
              <pc:docMk/>
              <pc:sldMasterMk cId="2523064765" sldId="2147483660"/>
              <pc:sldLayoutMk cId="185933282" sldId="2147483691"/>
              <ac:spMk id="2" creationId="{69F42FFA-3DFB-4DB2-A942-F02200203C82}"/>
            </ac:spMkLst>
          </pc:spChg>
        </pc:sldLayoutChg>
        <pc:sldLayoutChg chg="modSp">
          <pc:chgData name="Ven Sampath" userId="43c95753-c0cd-4c0b-b3ee-40e89a88158d" providerId="ADAL" clId="{E578C5ED-D29D-4209-ADE7-7AB5FB4C6826}" dt="2020-01-11T19:13:10.123" v="5"/>
          <pc:sldLayoutMkLst>
            <pc:docMk/>
            <pc:sldMasterMk cId="2523064765" sldId="2147483660"/>
            <pc:sldLayoutMk cId="787326472" sldId="2147483693"/>
          </pc:sldLayoutMkLst>
          <pc:spChg chg="mod">
            <ac:chgData name="Ven Sampath" userId="43c95753-c0cd-4c0b-b3ee-40e89a88158d" providerId="ADAL" clId="{E578C5ED-D29D-4209-ADE7-7AB5FB4C6826}" dt="2020-01-11T19:13:10.123" v="5"/>
            <ac:spMkLst>
              <pc:docMk/>
              <pc:sldMasterMk cId="2523064765" sldId="2147483660"/>
              <pc:sldLayoutMk cId="787326472" sldId="2147483693"/>
              <ac:spMk id="14" creationId="{89DFBA61-B916-44BD-A1D9-F41D32B7BCB6}"/>
            </ac:spMkLst>
          </pc:spChg>
        </pc:sldLayoutChg>
        <pc:sldLayoutChg chg="modSp">
          <pc:chgData name="Ven Sampath" userId="43c95753-c0cd-4c0b-b3ee-40e89a88158d" providerId="ADAL" clId="{E578C5ED-D29D-4209-ADE7-7AB5FB4C6826}" dt="2020-01-11T19:13:10.358" v="71"/>
          <pc:sldLayoutMkLst>
            <pc:docMk/>
            <pc:sldMasterMk cId="2523064765" sldId="2147483660"/>
            <pc:sldLayoutMk cId="3607999529" sldId="2147483694"/>
          </pc:sldLayoutMkLst>
          <pc:spChg chg="mod">
            <ac:chgData name="Ven Sampath" userId="43c95753-c0cd-4c0b-b3ee-40e89a88158d" providerId="ADAL" clId="{E578C5ED-D29D-4209-ADE7-7AB5FB4C6826}" dt="2020-01-11T19:13:10.358" v="71"/>
            <ac:spMkLst>
              <pc:docMk/>
              <pc:sldMasterMk cId="2523064765" sldId="2147483660"/>
              <pc:sldLayoutMk cId="3607999529" sldId="2147483694"/>
              <ac:spMk id="7" creationId="{DB8BC610-C1B0-4C6A-B5C2-80DA487CE5DE}"/>
            </ac:spMkLst>
          </pc:spChg>
        </pc:sldLayoutChg>
        <pc:sldLayoutChg chg="modSp">
          <pc:chgData name="Ven Sampath" userId="43c95753-c0cd-4c0b-b3ee-40e89a88158d" providerId="ADAL" clId="{E578C5ED-D29D-4209-ADE7-7AB5FB4C6826}" dt="2020-01-11T19:13:10.420" v="104"/>
          <pc:sldLayoutMkLst>
            <pc:docMk/>
            <pc:sldMasterMk cId="2523064765" sldId="2147483660"/>
            <pc:sldLayoutMk cId="3545725332" sldId="2147483696"/>
          </pc:sldLayoutMkLst>
          <pc:spChg chg="mod">
            <ac:chgData name="Ven Sampath" userId="43c95753-c0cd-4c0b-b3ee-40e89a88158d" providerId="ADAL" clId="{E578C5ED-D29D-4209-ADE7-7AB5FB4C6826}" dt="2020-01-11T19:13:10.420" v="104"/>
            <ac:spMkLst>
              <pc:docMk/>
              <pc:sldMasterMk cId="2523064765" sldId="2147483660"/>
              <pc:sldLayoutMk cId="3545725332" sldId="2147483696"/>
              <ac:spMk id="9" creationId="{2C8570FA-FAA3-4EFA-A4F1-01C285AE39DE}"/>
            </ac:spMkLst>
          </pc:spChg>
        </pc:sldLayoutChg>
        <pc:sldLayoutChg chg="modSp">
          <pc:chgData name="Ven Sampath" userId="43c95753-c0cd-4c0b-b3ee-40e89a88158d" providerId="ADAL" clId="{E578C5ED-D29D-4209-ADE7-7AB5FB4C6826}" dt="2020-01-11T19:13:10.286" v="44"/>
          <pc:sldLayoutMkLst>
            <pc:docMk/>
            <pc:sldMasterMk cId="2523064765" sldId="2147483660"/>
            <pc:sldLayoutMk cId="3551733153" sldId="2147483697"/>
          </pc:sldLayoutMkLst>
          <pc:spChg chg="mod">
            <ac:chgData name="Ven Sampath" userId="43c95753-c0cd-4c0b-b3ee-40e89a88158d" providerId="ADAL" clId="{E578C5ED-D29D-4209-ADE7-7AB5FB4C6826}" dt="2020-01-11T19:13:10.286" v="44"/>
            <ac:spMkLst>
              <pc:docMk/>
              <pc:sldMasterMk cId="2523064765" sldId="2147483660"/>
              <pc:sldLayoutMk cId="3551733153" sldId="2147483697"/>
              <ac:spMk id="5" creationId="{56BFCB29-C939-4442-981C-DE6A97866D13}"/>
            </ac:spMkLst>
          </pc:spChg>
        </pc:sldLayoutChg>
        <pc:sldLayoutChg chg="modSp">
          <pc:chgData name="Ven Sampath" userId="43c95753-c0cd-4c0b-b3ee-40e89a88158d" providerId="ADAL" clId="{E578C5ED-D29D-4209-ADE7-7AB5FB4C6826}" dt="2020-01-11T19:13:10.297" v="47"/>
          <pc:sldLayoutMkLst>
            <pc:docMk/>
            <pc:sldMasterMk cId="2523064765" sldId="2147483660"/>
            <pc:sldLayoutMk cId="1673924324" sldId="2147483698"/>
          </pc:sldLayoutMkLst>
          <pc:spChg chg="mod">
            <ac:chgData name="Ven Sampath" userId="43c95753-c0cd-4c0b-b3ee-40e89a88158d" providerId="ADAL" clId="{E578C5ED-D29D-4209-ADE7-7AB5FB4C6826}" dt="2020-01-11T19:13:10.297" v="47"/>
            <ac:spMkLst>
              <pc:docMk/>
              <pc:sldMasterMk cId="2523064765" sldId="2147483660"/>
              <pc:sldLayoutMk cId="1673924324" sldId="2147483698"/>
              <ac:spMk id="5" creationId="{D4262351-4A54-4EAA-990E-D909E1CAD758}"/>
            </ac:spMkLst>
          </pc:spChg>
        </pc:sldLayoutChg>
        <pc:sldLayoutChg chg="modSp">
          <pc:chgData name="Ven Sampath" userId="43c95753-c0cd-4c0b-b3ee-40e89a88158d" providerId="ADAL" clId="{E578C5ED-D29D-4209-ADE7-7AB5FB4C6826}" dt="2020-01-11T19:13:10.309" v="50"/>
          <pc:sldLayoutMkLst>
            <pc:docMk/>
            <pc:sldMasterMk cId="2523064765" sldId="2147483660"/>
            <pc:sldLayoutMk cId="1526597446" sldId="2147483699"/>
          </pc:sldLayoutMkLst>
          <pc:spChg chg="mod">
            <ac:chgData name="Ven Sampath" userId="43c95753-c0cd-4c0b-b3ee-40e89a88158d" providerId="ADAL" clId="{E578C5ED-D29D-4209-ADE7-7AB5FB4C6826}" dt="2020-01-11T19:13:10.309" v="50"/>
            <ac:spMkLst>
              <pc:docMk/>
              <pc:sldMasterMk cId="2523064765" sldId="2147483660"/>
              <pc:sldLayoutMk cId="1526597446" sldId="2147483699"/>
              <ac:spMk id="5" creationId="{128B6DA1-0170-4C5B-ABCB-83F1E4B0ECBB}"/>
            </ac:spMkLst>
          </pc:spChg>
        </pc:sldLayoutChg>
        <pc:sldLayoutChg chg="modSp">
          <pc:chgData name="Ven Sampath" userId="43c95753-c0cd-4c0b-b3ee-40e89a88158d" providerId="ADAL" clId="{E578C5ED-D29D-4209-ADE7-7AB5FB4C6826}" dt="2020-01-11T19:13:10.319" v="53"/>
          <pc:sldLayoutMkLst>
            <pc:docMk/>
            <pc:sldMasterMk cId="2523064765" sldId="2147483660"/>
            <pc:sldLayoutMk cId="2476838218" sldId="2147483700"/>
          </pc:sldLayoutMkLst>
          <pc:spChg chg="mod">
            <ac:chgData name="Ven Sampath" userId="43c95753-c0cd-4c0b-b3ee-40e89a88158d" providerId="ADAL" clId="{E578C5ED-D29D-4209-ADE7-7AB5FB4C6826}" dt="2020-01-11T19:13:10.319" v="53"/>
            <ac:spMkLst>
              <pc:docMk/>
              <pc:sldMasterMk cId="2523064765" sldId="2147483660"/>
              <pc:sldLayoutMk cId="2476838218" sldId="2147483700"/>
              <ac:spMk id="5" creationId="{8F93BC53-EE81-4467-94F1-401BB6631310}"/>
            </ac:spMkLst>
          </pc:spChg>
        </pc:sldLayoutChg>
        <pc:sldLayoutChg chg="modSp">
          <pc:chgData name="Ven Sampath" userId="43c95753-c0cd-4c0b-b3ee-40e89a88158d" providerId="ADAL" clId="{E578C5ED-D29D-4209-ADE7-7AB5FB4C6826}" dt="2020-01-11T19:13:10.328" v="56"/>
          <pc:sldLayoutMkLst>
            <pc:docMk/>
            <pc:sldMasterMk cId="2523064765" sldId="2147483660"/>
            <pc:sldLayoutMk cId="3501140641" sldId="2147483701"/>
          </pc:sldLayoutMkLst>
          <pc:spChg chg="mod">
            <ac:chgData name="Ven Sampath" userId="43c95753-c0cd-4c0b-b3ee-40e89a88158d" providerId="ADAL" clId="{E578C5ED-D29D-4209-ADE7-7AB5FB4C6826}" dt="2020-01-11T19:13:10.328" v="56"/>
            <ac:spMkLst>
              <pc:docMk/>
              <pc:sldMasterMk cId="2523064765" sldId="2147483660"/>
              <pc:sldLayoutMk cId="3501140641" sldId="2147483701"/>
              <ac:spMk id="5" creationId="{064BC3BB-EB1F-4C03-845A-197D7CB3D7FF}"/>
            </ac:spMkLst>
          </pc:spChg>
        </pc:sldLayoutChg>
        <pc:sldLayoutChg chg="modSp">
          <pc:chgData name="Ven Sampath" userId="43c95753-c0cd-4c0b-b3ee-40e89a88158d" providerId="ADAL" clId="{E578C5ED-D29D-4209-ADE7-7AB5FB4C6826}" dt="2020-01-11T19:13:10.335" v="59"/>
          <pc:sldLayoutMkLst>
            <pc:docMk/>
            <pc:sldMasterMk cId="2523064765" sldId="2147483660"/>
            <pc:sldLayoutMk cId="4094464793" sldId="2147483702"/>
          </pc:sldLayoutMkLst>
          <pc:spChg chg="mod">
            <ac:chgData name="Ven Sampath" userId="43c95753-c0cd-4c0b-b3ee-40e89a88158d" providerId="ADAL" clId="{E578C5ED-D29D-4209-ADE7-7AB5FB4C6826}" dt="2020-01-11T19:13:10.335" v="59"/>
            <ac:spMkLst>
              <pc:docMk/>
              <pc:sldMasterMk cId="2523064765" sldId="2147483660"/>
              <pc:sldLayoutMk cId="4094464793" sldId="2147483702"/>
              <ac:spMk id="5" creationId="{EE432ACF-022C-4E4D-A91E-50BCA41421CC}"/>
            </ac:spMkLst>
          </pc:spChg>
        </pc:sldLayoutChg>
        <pc:sldLayoutChg chg="modSp">
          <pc:chgData name="Ven Sampath" userId="43c95753-c0cd-4c0b-b3ee-40e89a88158d" providerId="ADAL" clId="{E578C5ED-D29D-4209-ADE7-7AB5FB4C6826}" dt="2020-01-11T19:13:10.341" v="62"/>
          <pc:sldLayoutMkLst>
            <pc:docMk/>
            <pc:sldMasterMk cId="2523064765" sldId="2147483660"/>
            <pc:sldLayoutMk cId="3745137931" sldId="2147483703"/>
          </pc:sldLayoutMkLst>
          <pc:spChg chg="mod">
            <ac:chgData name="Ven Sampath" userId="43c95753-c0cd-4c0b-b3ee-40e89a88158d" providerId="ADAL" clId="{E578C5ED-D29D-4209-ADE7-7AB5FB4C6826}" dt="2020-01-11T19:13:10.341" v="62"/>
            <ac:spMkLst>
              <pc:docMk/>
              <pc:sldMasterMk cId="2523064765" sldId="2147483660"/>
              <pc:sldLayoutMk cId="3745137931" sldId="2147483703"/>
              <ac:spMk id="5" creationId="{8A859F72-32B2-47EB-8CB5-BCF639CDADF5}"/>
            </ac:spMkLst>
          </pc:spChg>
        </pc:sldLayoutChg>
        <pc:sldLayoutChg chg="modSp">
          <pc:chgData name="Ven Sampath" userId="43c95753-c0cd-4c0b-b3ee-40e89a88158d" providerId="ADAL" clId="{E578C5ED-D29D-4209-ADE7-7AB5FB4C6826}" dt="2020-01-11T19:13:10.352" v="68"/>
          <pc:sldLayoutMkLst>
            <pc:docMk/>
            <pc:sldMasterMk cId="2523064765" sldId="2147483660"/>
            <pc:sldLayoutMk cId="3443338964" sldId="2147483706"/>
          </pc:sldLayoutMkLst>
          <pc:spChg chg="mod">
            <ac:chgData name="Ven Sampath" userId="43c95753-c0cd-4c0b-b3ee-40e89a88158d" providerId="ADAL" clId="{E578C5ED-D29D-4209-ADE7-7AB5FB4C6826}" dt="2020-01-11T19:13:10.352" v="68"/>
            <ac:spMkLst>
              <pc:docMk/>
              <pc:sldMasterMk cId="2523064765" sldId="2147483660"/>
              <pc:sldLayoutMk cId="3443338964" sldId="2147483706"/>
              <ac:spMk id="8" creationId="{C2AD0284-E6BA-49D8-AB3F-D94DBB1D54F0}"/>
            </ac:spMkLst>
          </pc:spChg>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r>
              <a:rPr lang="en-US"/>
              <a:t>Test document 2 </a:t>
            </a:r>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r>
              <a:rPr lang="en-US"/>
              <a:t>1551-192072 Uen, Rev PA1 </a:t>
            </a:r>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r>
              <a:rPr lang="en-US"/>
              <a:t>Test document 2 </a:t>
            </a:r>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r>
              <a:rPr lang="en-US"/>
              <a:t>1551-192072 Uen, Rev PA1 </a:t>
            </a:r>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Header Placeholder 3"/>
          <p:cNvSpPr>
            <a:spLocks noGrp="1"/>
          </p:cNvSpPr>
          <p:nvPr>
            <p:ph type="hdr" sz="quarter" idx="10"/>
          </p:nvPr>
        </p:nvSpPr>
        <p:spPr/>
        <p:txBody>
          <a:bodyPr/>
          <a:lstStyle/>
          <a:p>
            <a:r>
              <a:rPr lang="en-GB"/>
              <a:t>Test document 2 </a:t>
            </a:r>
            <a:endParaRPr lang="en-GB" dirty="0"/>
          </a:p>
        </p:txBody>
      </p:sp>
      <p:sp>
        <p:nvSpPr>
          <p:cNvPr id="5" name="Date Placeholder 4"/>
          <p:cNvSpPr>
            <a:spLocks noGrp="1"/>
          </p:cNvSpPr>
          <p:nvPr>
            <p:ph type="dt" idx="11"/>
          </p:nvPr>
        </p:nvSpPr>
        <p:spPr/>
        <p:txBody>
          <a:bodyPr/>
          <a:lstStyle/>
          <a:p>
            <a:r>
              <a:rPr lang="en-GB"/>
              <a:t> </a:t>
            </a:r>
            <a:endParaRPr lang="en-GB" dirty="0"/>
          </a:p>
        </p:txBody>
      </p:sp>
      <p:sp>
        <p:nvSpPr>
          <p:cNvPr id="6" name="Footer Placeholder 5"/>
          <p:cNvSpPr>
            <a:spLocks noGrp="1"/>
          </p:cNvSpPr>
          <p:nvPr>
            <p:ph type="ftr" sz="quarter" idx="12"/>
          </p:nvPr>
        </p:nvSpPr>
        <p:spPr/>
        <p:txBody>
          <a:bodyPr/>
          <a:lstStyle/>
          <a:p>
            <a:r>
              <a:rPr lang="en-GB"/>
              <a:t>1551-192072 Uen, Rev PA1 </a:t>
            </a:r>
            <a:endParaRPr lang="en-GB" dirty="0"/>
          </a:p>
        </p:txBody>
      </p:sp>
      <p:sp>
        <p:nvSpPr>
          <p:cNvPr id="7" name="Slide Number Placeholder 6"/>
          <p:cNvSpPr>
            <a:spLocks noGrp="1"/>
          </p:cNvSpPr>
          <p:nvPr>
            <p:ph type="sldNum" sz="quarter" idx="13"/>
          </p:nvPr>
        </p:nvSpPr>
        <p:spPr/>
        <p:txBody>
          <a:bodyPr/>
          <a:lstStyle/>
          <a:p>
            <a:fld id="{1A9966BF-A434-4BC2-9969-A0AE8B068B9B}" type="slidenum">
              <a:rPr lang="en-GB" smtClean="0"/>
              <a:t>14</a:t>
            </a:fld>
            <a:endParaRPr lang="en-GB" dirty="0"/>
          </a:p>
        </p:txBody>
      </p:sp>
    </p:spTree>
    <p:extLst>
      <p:ext uri="{BB962C8B-B14F-4D97-AF65-F5344CB8AC3E}">
        <p14:creationId xmlns:p14="http://schemas.microsoft.com/office/powerpoint/2010/main"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dirty="0"/>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dirty="0"/>
              <a:t>Speaker name</a:t>
            </a:r>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dirty="0"/>
              <a:t>YYYY-MM-DD</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4091B5C5-9856-4412-8F6A-4A5E148577A0}"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mod="1">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A1CB3D1C-B551-472C-A993-51EE9F82EE57}"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Black, </a:t>
            </a:r>
            <a:br>
              <a:rPr lang="en-US" dirty="0"/>
            </a:br>
            <a:r>
              <a:rPr lang="en-US" dirty="0"/>
              <a:t>max 5-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p>
          <a:p>
            <a:r>
              <a:rPr lang="en-US" dirty="0"/>
              <a:t>Ericsson Black, Ericsson Hilda 20pt</a:t>
            </a:r>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969711F8-4280-47F1-8814-3E716A135924}"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US" dirty="0"/>
            </a:br>
            <a:r>
              <a:rPr lang="en-US" dirty="0"/>
              <a:t>Ericsson Hilda Light 60pt, Ericsson Black, </a:t>
            </a:r>
            <a:br>
              <a:rPr lang="en-US" dirty="0"/>
            </a:br>
            <a:r>
              <a:rPr lang="en-US" dirty="0"/>
              <a:t>max 4-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9880AEC3-16AF-45B7-8241-91551D2C807D}"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3137BB4E-AA22-496A-B5B2-6D571D8356AA}"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F2D3058D-E830-48DD-897A-97FCC06A1529}"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11692138-C79B-489F-A579-EE4026D9676C}"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F7883153-47CF-4E31-9485-EC1DA4E9AB0D}"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3E35A73E-E72B-4350-AD45-352313088202}"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4B5C7F30-D803-469E-9EE0-A7910B8B2917}"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CCEFD52E-3A09-4488-AC5D-E67A9BB071BF}"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bg>
      <p:bgPr>
        <a:solidFill>
          <a:schemeClr val="tx1"/>
        </a:solidFill>
        <a:effectLst/>
      </p:bgPr>
    </p:bg>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FB327327-50E0-4AA3-A3F9-F297582FC782}"/>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dirty="0"/>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US" dirty="0"/>
            </a:br>
            <a:r>
              <a:rPr lang="en-US" dirty="0"/>
              <a:t>Ericsson Hilda 20pt</a:t>
            </a:r>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dirty="0"/>
              <a:t>Speaker name</a:t>
            </a:r>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dirty="0"/>
              <a:t>Organization</a:t>
            </a:r>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dirty="0"/>
              <a:t>YYYY-MM-DD</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8CFFBFD6-95C8-4AC0-B541-A74C6F39C51C}"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mod="1">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95492B58-BA6C-4775-87B7-A8DF28CCEDED}"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A933B28F-4675-4602-A6AE-2C33A34D66EE}"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1D518581-23C7-476D-B56A-C6EB69E277BD}"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D425A48A-0ADD-4C3C-9EAE-8C24BD97D68E}"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AA42A275-ECFF-4EC8-9DA7-26A08F60D1CB}"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743CF1B3-49DD-43FB-87C6-1979F4CF796C}"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Eri.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16F60178-73AC-4450-BF8A-209BF36E577B}"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910784C6-4758-44F4-BC58-689DF49F6009}"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C45C2536-77F0-4DBA-AB82-9AABC3ECC6EF}"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52DD9A17-2F4E-4CC8-AC6D-9ED1E4656F22}"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dirty="0"/>
              <a:t>Keynote cover page </a:t>
            </a:r>
            <a:br>
              <a:rPr lang="en-US" dirty="0"/>
            </a:br>
            <a:r>
              <a:rPr lang="en-US" dirty="0"/>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US" dirty="0"/>
            </a:br>
            <a:r>
              <a:rPr lang="en-US" dirty="0"/>
              <a:t>Ericsson Black, Ericsson Hilda 20pt</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37A700D8-2BA6-4DCA-8415-ACE5B69F73DB}"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2D37E0FA-65E4-49F5-BE98-B8695894B5E7}"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3464AC40-017B-4836-919C-9D8EF973E191}"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C587A8B1-F809-4588-B516-ABCC4E681028}"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C5152313-95C9-496D-A96B-AAAA21C6AE07}"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D85AC942-E0D2-46E0-B3BD-C52B31C71BFF}"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6" name="Content Placeholder 1"/>
          <p:cNvSpPr>
            <a:spLocks noGrp="1"/>
          </p:cNvSpPr>
          <p:nvPr>
            <p:ph sz="quarter" idx="11" hasCustomPrompt="1"/>
          </p:nvPr>
        </p:nvSpPr>
        <p:spPr>
          <a:xfrm>
            <a:off x="4331958" y="1844675"/>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8" name="Content Placeholder 2"/>
          <p:cNvSpPr>
            <a:spLocks noGrp="1"/>
          </p:cNvSpPr>
          <p:nvPr>
            <p:ph sz="quarter" idx="12" hasCustomPrompt="1"/>
          </p:nvPr>
        </p:nvSpPr>
        <p:spPr>
          <a:xfrm>
            <a:off x="8186267" y="1844675"/>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477649" y="1844165"/>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61AE7533-DD4F-477E-B188-7712171E86DB}"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F82A1BF8-3A87-4E8C-8ED0-0428D4D181C9}"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5EB0483C-5184-4F4E-A333-0FBF3F24982E}"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5FF9CCB3-D958-4251-9B43-291E7DDFA075}"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DAB3032F-0E31-4C0E-8D87-8792190E7ADC}"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bg>
      <p:bgPr>
        <a:solidFill>
          <a:schemeClr val="tx1"/>
        </a:solidFill>
        <a:effectLst/>
      </p:bgPr>
    </p:bg>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368FADF5-0F2E-41A5-9C74-2E60F7AC893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dirty="0"/>
              <a:t>Keynote cover page </a:t>
            </a:r>
            <a:br>
              <a:rPr lang="en-US" dirty="0"/>
            </a:br>
            <a:r>
              <a:rPr lang="en-US" dirty="0"/>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US" dirty="0"/>
            </a:br>
            <a:r>
              <a:rPr lang="en-US" dirty="0"/>
              <a:t>Ericsson Black, Ericsson Hilda 20pt</a:t>
            </a:r>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EB673C45-1EED-4F2D-91C5-E2A43633E328}"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8CCC8702-E7AF-4E21-AEAC-A95BBEC98488}"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01-10  |  Commercial in Confidence  |  Page </a:t>
            </a:r>
            <a:fld id="{9FFAF1D4-EC08-49EB-8317-2D462BC590A3}"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Use this space for relevant Ericsson URLs or hashtags</a:t>
            </a:r>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endParaRPr lang="en-US" dirty="0"/>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a:t>
            </a: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 </a:t>
            </a:r>
            <a:r>
              <a:rPr lang="en-US" sz="1400" b="1" dirty="0">
                <a:solidFill>
                  <a:schemeClr val="tx1"/>
                </a:solidFill>
                <a:latin typeface="Ericsson Hilda" panose="00000500000000000000" pitchFamily="2" charset="0"/>
              </a:rPr>
              <a:t>●</a:t>
            </a:r>
            <a:endParaRPr lang="en-US"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Light" panose="00000400000000000000" pitchFamily="2" charset="0"/>
              </a:rPr>
              <a:t>●</a:t>
            </a:r>
            <a:endParaRPr lang="en-US"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dirty="0">
                <a:solidFill>
                  <a:schemeClr val="tx1"/>
                </a:solidFill>
                <a:latin typeface="Ericsson Hilda Light" panose="00000400000000000000" pitchFamily="2" charset="0"/>
              </a:rPr>
              <a:t>●</a:t>
            </a:r>
            <a:endParaRPr lang="en-US"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DA67DC35-6536-46D3-98E9-2A10072D82A1}"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A20FA219-AEA4-4390-B0FA-6E128F0F7E50}"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1872A9AF-8465-44F3-B8FB-65CF62035DF7}"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942847EC-269A-4F92-9396-35A0C2E58DB0}"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222048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01-10  |  Commercial in Confidence  |  Page </a:t>
            </a:r>
            <a:fld id="{404F1DEF-8E75-4B7E-85E8-B74F0051FE96}"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3.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pic>
        <p:nvPicPr>
          <p:cNvPr id="3" name="image" descr="{&quot;templafy&quot;:{&quot;id&quot;:&quot;b23607f7-ede4-421b-a8c5-67c40fe53319&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23.xml"/><Relationship Id="rId1" Type="http://schemas.openxmlformats.org/officeDocument/2006/relationships/customXml" Target="../../customXml/item22.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9.png"/><Relationship Id="rId4" Type="http://schemas.openxmlformats.org/officeDocument/2006/relationships/image" Target="../media/image8.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7.xml"/><Relationship Id="rId1" Type="http://schemas.openxmlformats.org/officeDocument/2006/relationships/customXml" Target="../../customXml/item26.xml"/></Relationships>
</file>

<file path=ppt/slides/_rels/slide13.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png"/><Relationship Id="rId1" Type="http://schemas.openxmlformats.org/officeDocument/2006/relationships/slideLayout" Target="../slideLayouts/slideLayout29.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29.xml"/><Relationship Id="rId1" Type="http://schemas.openxmlformats.org/officeDocument/2006/relationships/customXml" Target="../../customXml/item28.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3.xml"/><Relationship Id="rId1" Type="http://schemas.openxmlformats.org/officeDocument/2006/relationships/customXml" Target="../../customXml/item1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7.xml"/><Relationship Id="rId1" Type="http://schemas.openxmlformats.org/officeDocument/2006/relationships/customXml" Target="../../customXml/item16.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9.xml"/><Relationship Id="rId1" Type="http://schemas.openxmlformats.org/officeDocument/2006/relationships/customXml" Target="../../customXml/item18.xml"/><Relationship Id="rId5" Type="http://schemas.openxmlformats.org/officeDocument/2006/relationships/image" Target="../media/image6.jpg"/><Relationship Id="rId4" Type="http://schemas.openxmlformats.org/officeDocument/2006/relationships/hyperlink" Target="https://www.itu.int/md/R15-WP5D-C-1301/en" TargetMode="External"/></Relationships>
</file>

<file path=ppt/slides/_rels/slide7.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Layout" Target="../slideLayouts/slideLayout23.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1.xml"/><Relationship Id="rId1" Type="http://schemas.openxmlformats.org/officeDocument/2006/relationships/customXml" Target="../../customXml/item20.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54D311D-2157-4A35-9F56-0E8FE9FDD7BC}"/>
              </a:ext>
            </a:extLst>
          </p:cNvPr>
          <p:cNvSpPr>
            <a:spLocks noGrp="1"/>
          </p:cNvSpPr>
          <p:nvPr>
            <p:ph sz="quarter" idx="13"/>
          </p:nvPr>
        </p:nvSpPr>
        <p:spPr>
          <a:xfrm>
            <a:off x="0" y="0"/>
            <a:ext cx="12192000" cy="6858000"/>
          </a:xfrm>
        </p:spPr>
        <p:txBody>
          <a:bodyPr/>
          <a:lstStyle/>
          <a:p>
            <a:endParaRPr lang="en-US" dirty="0"/>
          </a:p>
        </p:txBody>
      </p:sp>
      <p:sp>
        <p:nvSpPr>
          <p:cNvPr id="3" name="Title 2">
            <a:extLst>
              <a:ext uri="{FF2B5EF4-FFF2-40B4-BE49-F238E27FC236}">
                <a16:creationId xmlns:a16="http://schemas.microsoft.com/office/drawing/2014/main" id="{17D5CE7D-CCF0-44B0-843A-8D46859C44EE}"/>
              </a:ext>
            </a:extLst>
          </p:cNvPr>
          <p:cNvSpPr>
            <a:spLocks noGrp="1"/>
          </p:cNvSpPr>
          <p:nvPr>
            <p:ph type="ctrTitle"/>
          </p:nvPr>
        </p:nvSpPr>
        <p:spPr/>
        <p:txBody>
          <a:bodyPr/>
          <a:lstStyle/>
          <a:p>
            <a:r>
              <a:rPr lang="en-US" dirty="0"/>
              <a:t>TSDSI Observations</a:t>
            </a:r>
          </a:p>
        </p:txBody>
      </p:sp>
      <p:sp>
        <p:nvSpPr>
          <p:cNvPr id="4" name="Subtitle 3">
            <a:extLst>
              <a:ext uri="{FF2B5EF4-FFF2-40B4-BE49-F238E27FC236}">
                <a16:creationId xmlns:a16="http://schemas.microsoft.com/office/drawing/2014/main" id="{6A927E07-3624-45B8-934B-C229726CA813}"/>
              </a:ext>
            </a:extLst>
          </p:cNvPr>
          <p:cNvSpPr>
            <a:spLocks noGrp="1"/>
          </p:cNvSpPr>
          <p:nvPr>
            <p:ph type="subTitle" idx="1"/>
          </p:nvPr>
        </p:nvSpPr>
        <p:spPr/>
        <p:txBody>
          <a:bodyPr/>
          <a:lstStyle/>
          <a:p>
            <a:endParaRPr lang="en-US" dirty="0"/>
          </a:p>
        </p:txBody>
      </p:sp>
      <p:sp>
        <p:nvSpPr>
          <p:cNvPr id="5" name="Content Placeholder 4">
            <a:extLst>
              <a:ext uri="{FF2B5EF4-FFF2-40B4-BE49-F238E27FC236}">
                <a16:creationId xmlns:a16="http://schemas.microsoft.com/office/drawing/2014/main" id="{0D8DE8B4-7BAB-4C18-A0E5-01D3A11D374F}"/>
              </a:ext>
            </a:extLst>
          </p:cNvPr>
          <p:cNvSpPr>
            <a:spLocks noGrp="1"/>
          </p:cNvSpPr>
          <p:nvPr>
            <p:ph sz="quarter" idx="10"/>
          </p:nvPr>
        </p:nvSpPr>
        <p:spPr/>
        <p:txBody>
          <a:bodyPr/>
          <a:lstStyle/>
          <a:p>
            <a:endParaRPr lang="en-US" dirty="0"/>
          </a:p>
        </p:txBody>
      </p:sp>
      <p:sp>
        <p:nvSpPr>
          <p:cNvPr id="6" name="Content Placeholder 5">
            <a:extLst>
              <a:ext uri="{FF2B5EF4-FFF2-40B4-BE49-F238E27FC236}">
                <a16:creationId xmlns:a16="http://schemas.microsoft.com/office/drawing/2014/main" id="{327EB691-17C6-4220-AA5E-2F3518AF8CC2}"/>
              </a:ext>
            </a:extLst>
          </p:cNvPr>
          <p:cNvSpPr>
            <a:spLocks noGrp="1"/>
          </p:cNvSpPr>
          <p:nvPr>
            <p:ph sz="quarter" idx="11"/>
          </p:nvPr>
        </p:nvSpPr>
        <p:spPr>
          <a:xfrm>
            <a:off x="8229600" y="6264000"/>
            <a:ext cx="2515041" cy="262800"/>
          </a:xfrm>
        </p:spPr>
        <p:txBody>
          <a:bodyPr/>
          <a:lstStyle/>
          <a:p>
            <a:endParaRPr lang="en-US" dirty="0"/>
          </a:p>
        </p:txBody>
      </p:sp>
      <p:sp>
        <p:nvSpPr>
          <p:cNvPr id="7" name="Content Placeholder 6">
            <a:extLst>
              <a:ext uri="{FF2B5EF4-FFF2-40B4-BE49-F238E27FC236}">
                <a16:creationId xmlns:a16="http://schemas.microsoft.com/office/drawing/2014/main" id="{0BF70DC3-66C9-451C-917E-BA44956D1DBD}"/>
              </a:ext>
            </a:extLst>
          </p:cNvPr>
          <p:cNvSpPr>
            <a:spLocks noGrp="1"/>
          </p:cNvSpPr>
          <p:nvPr>
            <p:ph sz="quarter" idx="12"/>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22307488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p:txBody>
          <a:bodyPr/>
          <a:lstStyle/>
          <a:p>
            <a:r>
              <a:rPr lang="en-US" dirty="0"/>
              <a:t>Cell average and 5</a:t>
            </a:r>
            <a:r>
              <a:rPr lang="en-US" baseline="30000" dirty="0"/>
              <a:t>th</a:t>
            </a:r>
            <a:r>
              <a:rPr lang="en-US" dirty="0"/>
              <a:t> percentile user  spectral efficiency</a:t>
            </a:r>
          </a:p>
        </p:txBody>
      </p:sp>
      <p:sp>
        <p:nvSpPr>
          <p:cNvPr id="5" name="Content Placeholder 4">
            <a:extLst>
              <a:ext uri="{FF2B5EF4-FFF2-40B4-BE49-F238E27FC236}">
                <a16:creationId xmlns:a16="http://schemas.microsoft.com/office/drawing/2014/main" id="{80CFE1E9-2446-4327-A152-D121E1DA7E83}"/>
              </a:ext>
            </a:extLst>
          </p:cNvPr>
          <p:cNvSpPr>
            <a:spLocks noGrp="1"/>
          </p:cNvSpPr>
          <p:nvPr>
            <p:ph sz="quarter" idx="11"/>
          </p:nvPr>
        </p:nvSpPr>
        <p:spPr/>
        <p:txBody>
          <a:bodyPr>
            <a:normAutofit/>
          </a:bodyPr>
          <a:lstStyle/>
          <a:p>
            <a:r>
              <a:rPr lang="en-US" dirty="0"/>
              <a:t>From M.2410, we note that the 5</a:t>
            </a:r>
            <a:r>
              <a:rPr lang="en-US" baseline="30000" dirty="0"/>
              <a:t>th</a:t>
            </a:r>
            <a:r>
              <a:rPr lang="en-US" dirty="0"/>
              <a:t> percentile user spectral efficiency is the 5</a:t>
            </a:r>
            <a:r>
              <a:rPr lang="en-US" baseline="30000" dirty="0"/>
              <a:t>th</a:t>
            </a:r>
            <a:r>
              <a:rPr lang="en-US" dirty="0"/>
              <a:t> percentile of the normalized user throughput. Inserting the formula for normalized user throughput into the expression for average cell spectral efficiency, results in that the average cell spectral efficiency can be expressed as the average normalized user throughput multiplied by the average number of users in the system (N) divided by the number of </a:t>
            </a:r>
            <a:r>
              <a:rPr lang="en-US" dirty="0" err="1"/>
              <a:t>TRxPs</a:t>
            </a:r>
            <a:r>
              <a:rPr lang="en-US" dirty="0"/>
              <a:t> (M). The average of a distribution (of non-negative numbers) is at least 0.95x its 5</a:t>
            </a:r>
            <a:r>
              <a:rPr lang="en-US" baseline="30000" dirty="0"/>
              <a:t>th</a:t>
            </a:r>
            <a:r>
              <a:rPr lang="en-US" dirty="0"/>
              <a:t> percentile. This means that cell average SE &gt;= N/M * 0.95 * 5</a:t>
            </a:r>
            <a:r>
              <a:rPr lang="en-US" baseline="30000" dirty="0"/>
              <a:t>th</a:t>
            </a:r>
            <a:r>
              <a:rPr lang="en-US" dirty="0"/>
              <a:t> percentile user SE. With N/M = 10 we get </a:t>
            </a:r>
            <a:r>
              <a:rPr lang="en-US" u="sng" dirty="0"/>
              <a:t>cell average SE &gt;= 9.5 * 5</a:t>
            </a:r>
            <a:r>
              <a:rPr lang="en-US" u="sng" baseline="30000" dirty="0"/>
              <a:t>th</a:t>
            </a:r>
            <a:r>
              <a:rPr lang="en-US" u="sng" dirty="0"/>
              <a:t> percentile user SE</a:t>
            </a:r>
          </a:p>
          <a:p>
            <a:endParaRPr lang="en-US" dirty="0"/>
          </a:p>
        </p:txBody>
      </p:sp>
    </p:spTree>
    <p:custDataLst>
      <p:custData r:id="rId1"/>
      <p:custData r:id="rId2"/>
    </p:custDataLst>
    <p:extLst>
      <p:ext uri="{BB962C8B-B14F-4D97-AF65-F5344CB8AC3E}">
        <p14:creationId xmlns:p14="http://schemas.microsoft.com/office/powerpoint/2010/main" val="190120656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p:txBody>
          <a:bodyPr/>
          <a:lstStyle/>
          <a:p>
            <a:r>
              <a:rPr lang="en-US" dirty="0" err="1"/>
              <a:t>Maths</a:t>
            </a:r>
            <a:endParaRPr lang="en-US" dirty="0"/>
          </a:p>
        </p:txBody>
      </p:sp>
      <p:sp>
        <p:nvSpPr>
          <p:cNvPr id="5" name="Content Placeholder 4">
            <a:extLst>
              <a:ext uri="{FF2B5EF4-FFF2-40B4-BE49-F238E27FC236}">
                <a16:creationId xmlns:a16="http://schemas.microsoft.com/office/drawing/2014/main" id="{80CFE1E9-2446-4327-A152-D121E1DA7E83}"/>
              </a:ext>
            </a:extLst>
          </p:cNvPr>
          <p:cNvSpPr>
            <a:spLocks noGrp="1"/>
          </p:cNvSpPr>
          <p:nvPr>
            <p:ph sz="quarter" idx="11"/>
          </p:nvPr>
        </p:nvSpPr>
        <p:spPr/>
        <p:txBody>
          <a:bodyPr>
            <a:normAutofit/>
          </a:bodyPr>
          <a:lstStyle/>
          <a:p>
            <a:r>
              <a:rPr lang="en-US" dirty="0"/>
              <a:t>5</a:t>
            </a:r>
            <a:r>
              <a:rPr lang="en-US" baseline="30000" dirty="0"/>
              <a:t>th</a:t>
            </a:r>
            <a:r>
              <a:rPr lang="en-US" dirty="0"/>
              <a:t> percentile user spectral </a:t>
            </a:r>
            <a:br>
              <a:rPr lang="en-US" dirty="0"/>
            </a:br>
            <a:r>
              <a:rPr lang="en-US" dirty="0"/>
              <a:t>efficiency= percentile(</a:t>
            </a:r>
            <a:r>
              <a:rPr lang="en-US" dirty="0" err="1"/>
              <a:t>r_i</a:t>
            </a:r>
            <a:r>
              <a:rPr lang="en-US" dirty="0"/>
              <a:t>, 5)</a:t>
            </a:r>
          </a:p>
          <a:p>
            <a:pPr marL="183600" lvl="1" indent="0">
              <a:buNone/>
            </a:pPr>
            <a:endParaRPr lang="en-US" dirty="0"/>
          </a:p>
          <a:p>
            <a:r>
              <a:rPr lang="en-US" dirty="0"/>
              <a:t>Cell average spectral efficiency</a:t>
            </a:r>
          </a:p>
          <a:p>
            <a:endParaRPr lang="en-US" dirty="0"/>
          </a:p>
          <a:p>
            <a:endParaRPr lang="en-US" dirty="0"/>
          </a:p>
          <a:p>
            <a:r>
              <a:rPr lang="en-US" dirty="0" err="1"/>
              <a:t>SEavg</a:t>
            </a:r>
            <a:r>
              <a:rPr lang="en-US" dirty="0"/>
              <a:t> = sum(</a:t>
            </a:r>
            <a:r>
              <a:rPr lang="en-US" dirty="0" err="1"/>
              <a:t>R_i</a:t>
            </a:r>
            <a:r>
              <a:rPr lang="en-US" dirty="0"/>
              <a:t>)*N/(N*T*W*M) = avg(</a:t>
            </a:r>
            <a:r>
              <a:rPr lang="en-US" dirty="0" err="1"/>
              <a:t>R_i</a:t>
            </a:r>
            <a:r>
              <a:rPr lang="en-US" dirty="0"/>
              <a:t>)*N/M/W = avg(</a:t>
            </a:r>
            <a:r>
              <a:rPr lang="en-US" dirty="0" err="1"/>
              <a:t>r_i</a:t>
            </a:r>
            <a:r>
              <a:rPr lang="en-US" dirty="0"/>
              <a:t>) * N/M = {N/M = number of users per cell = 10} = avg(</a:t>
            </a:r>
            <a:r>
              <a:rPr lang="en-US" dirty="0" err="1"/>
              <a:t>r_i</a:t>
            </a:r>
            <a:r>
              <a:rPr lang="en-US" dirty="0"/>
              <a:t>) * 10</a:t>
            </a:r>
          </a:p>
          <a:p>
            <a:r>
              <a:rPr lang="en-US" dirty="0"/>
              <a:t>Ratio = 5</a:t>
            </a:r>
            <a:r>
              <a:rPr lang="en-US" baseline="30000" dirty="0"/>
              <a:t>th</a:t>
            </a:r>
            <a:r>
              <a:rPr lang="en-US" dirty="0"/>
              <a:t> perc user SE / SE avg = percentile(</a:t>
            </a:r>
            <a:r>
              <a:rPr lang="en-US" dirty="0" err="1"/>
              <a:t>r_i</a:t>
            </a:r>
            <a:r>
              <a:rPr lang="en-US" dirty="0"/>
              <a:t>, 5) / (avg(</a:t>
            </a:r>
            <a:r>
              <a:rPr lang="en-US" dirty="0" err="1"/>
              <a:t>r_i</a:t>
            </a:r>
            <a:r>
              <a:rPr lang="en-US" dirty="0"/>
              <a:t>) * 10) = {avg &gt;= 0.95*5</a:t>
            </a:r>
            <a:r>
              <a:rPr lang="en-US" baseline="30000" dirty="0"/>
              <a:t>th</a:t>
            </a:r>
            <a:r>
              <a:rPr lang="en-US" dirty="0"/>
              <a:t> perc} &lt;= 1/9.5</a:t>
            </a:r>
          </a:p>
        </p:txBody>
      </p:sp>
      <p:pic>
        <p:nvPicPr>
          <p:cNvPr id="2" name="Picture 1">
            <a:extLst>
              <a:ext uri="{FF2B5EF4-FFF2-40B4-BE49-F238E27FC236}">
                <a16:creationId xmlns:a16="http://schemas.microsoft.com/office/drawing/2014/main" id="{36DC8603-B8DA-486E-BE6A-607AB003ABF8}"/>
              </a:ext>
            </a:extLst>
          </p:cNvPr>
          <p:cNvPicPr>
            <a:picLocks noChangeAspect="1"/>
          </p:cNvPicPr>
          <p:nvPr/>
        </p:nvPicPr>
        <p:blipFill>
          <a:blip r:embed="rId4"/>
          <a:stretch>
            <a:fillRect/>
          </a:stretch>
        </p:blipFill>
        <p:spPr>
          <a:xfrm>
            <a:off x="5143499" y="1577975"/>
            <a:ext cx="6262687" cy="955921"/>
          </a:xfrm>
          <a:prstGeom prst="rect">
            <a:avLst/>
          </a:prstGeom>
        </p:spPr>
      </p:pic>
      <p:pic>
        <p:nvPicPr>
          <p:cNvPr id="3" name="Picture 2">
            <a:extLst>
              <a:ext uri="{FF2B5EF4-FFF2-40B4-BE49-F238E27FC236}">
                <a16:creationId xmlns:a16="http://schemas.microsoft.com/office/drawing/2014/main" id="{4D6D8F1D-5A55-4966-8181-58325B327269}"/>
              </a:ext>
            </a:extLst>
          </p:cNvPr>
          <p:cNvPicPr>
            <a:picLocks noChangeAspect="1"/>
          </p:cNvPicPr>
          <p:nvPr/>
        </p:nvPicPr>
        <p:blipFill>
          <a:blip r:embed="rId5"/>
          <a:stretch>
            <a:fillRect/>
          </a:stretch>
        </p:blipFill>
        <p:spPr>
          <a:xfrm>
            <a:off x="5143499" y="2635072"/>
            <a:ext cx="6105525" cy="1467273"/>
          </a:xfrm>
          <a:prstGeom prst="rect">
            <a:avLst/>
          </a:prstGeom>
        </p:spPr>
      </p:pic>
      <p:sp>
        <p:nvSpPr>
          <p:cNvPr id="6" name="TextBox 5">
            <a:extLst>
              <a:ext uri="{FF2B5EF4-FFF2-40B4-BE49-F238E27FC236}">
                <a16:creationId xmlns:a16="http://schemas.microsoft.com/office/drawing/2014/main" id="{A99C077D-D2A2-4B7F-A9AD-830CD440E4D1}"/>
              </a:ext>
            </a:extLst>
          </p:cNvPr>
          <p:cNvSpPr txBox="1"/>
          <p:nvPr/>
        </p:nvSpPr>
        <p:spPr>
          <a:xfrm>
            <a:off x="8480424" y="1281483"/>
            <a:ext cx="3032126" cy="341736"/>
          </a:xfrm>
          <a:prstGeom prst="rect">
            <a:avLst/>
          </a:prstGeom>
        </p:spPr>
        <p:txBody>
          <a:bodyPr vert="horz" wrap="square" lIns="72000" tIns="36000" rIns="72000" bIns="36000" rtlCol="0" anchor="t">
            <a:noAutofit/>
          </a:bodyPr>
          <a:lstStyle/>
          <a:p>
            <a:pPr marL="0" indent="0" algn="l">
              <a:buNone/>
            </a:pPr>
            <a:r>
              <a:rPr lang="en-US" sz="1400" dirty="0"/>
              <a:t>Note that for full buffer traffic </a:t>
            </a:r>
            <a:r>
              <a:rPr lang="en-US" sz="1400" dirty="0" err="1"/>
              <a:t>Ti</a:t>
            </a:r>
            <a:r>
              <a:rPr lang="en-US" sz="1400" dirty="0"/>
              <a:t>=T</a:t>
            </a:r>
          </a:p>
        </p:txBody>
      </p:sp>
    </p:spTree>
    <p:custDataLst>
      <p:custData r:id="rId1"/>
      <p:custData r:id="rId2"/>
    </p:custDataLst>
    <p:extLst>
      <p:ext uri="{BB962C8B-B14F-4D97-AF65-F5344CB8AC3E}">
        <p14:creationId xmlns:p14="http://schemas.microsoft.com/office/powerpoint/2010/main" val="317884410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Example</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normAutofit lnSpcReduction="10000"/>
          </a:bodyPr>
          <a:lstStyle/>
          <a:p>
            <a:r>
              <a:rPr lang="en-US" dirty="0"/>
              <a:t>10 users in a cell</a:t>
            </a:r>
          </a:p>
          <a:p>
            <a:r>
              <a:rPr lang="en-US" dirty="0"/>
              <a:t>All have a data rate of 10Mbps when scheduled</a:t>
            </a:r>
          </a:p>
          <a:p>
            <a:r>
              <a:rPr lang="en-US" dirty="0"/>
              <a:t>Assume RR, TDM or FDM scheduling </a:t>
            </a:r>
          </a:p>
          <a:p>
            <a:pPr lvl="1"/>
            <a:r>
              <a:rPr lang="en-US" dirty="0"/>
              <a:t>Cell average spectral efficiency = 10Mbps / 10MHz = 1bps/Hz</a:t>
            </a:r>
          </a:p>
          <a:p>
            <a:pPr lvl="1"/>
            <a:r>
              <a:rPr lang="en-US" dirty="0"/>
              <a:t>User throughput = 10Mbps/10users = 1Mbps</a:t>
            </a:r>
          </a:p>
          <a:p>
            <a:pPr lvl="1"/>
            <a:r>
              <a:rPr lang="en-US" dirty="0"/>
              <a:t>5</a:t>
            </a:r>
            <a:r>
              <a:rPr lang="en-US" baseline="30000" dirty="0"/>
              <a:t>th</a:t>
            </a:r>
            <a:r>
              <a:rPr lang="en-US" dirty="0"/>
              <a:t> percentile user spectral efficiency =  1Mbps/10MHz = 0.1bps/Hz (one tenth of cell SE)</a:t>
            </a:r>
          </a:p>
          <a:p>
            <a:endParaRPr lang="en-US" dirty="0"/>
          </a:p>
          <a:p>
            <a:r>
              <a:rPr lang="en-US" dirty="0"/>
              <a:t>With ideal MU-MIMO</a:t>
            </a:r>
          </a:p>
          <a:p>
            <a:pPr lvl="1"/>
            <a:r>
              <a:rPr lang="en-US" dirty="0"/>
              <a:t>Cell average spectral efficiency = 10 * 10Mbps / 10MHz = 10bps/Hz</a:t>
            </a:r>
          </a:p>
          <a:p>
            <a:pPr lvl="1"/>
            <a:r>
              <a:rPr lang="en-US" dirty="0"/>
              <a:t>User throughput = 10Mbps/1 = 10Mbps</a:t>
            </a:r>
          </a:p>
          <a:p>
            <a:pPr lvl="1"/>
            <a:r>
              <a:rPr lang="en-US" dirty="0"/>
              <a:t>5</a:t>
            </a:r>
            <a:r>
              <a:rPr lang="en-US" baseline="30000" dirty="0"/>
              <a:t>th</a:t>
            </a:r>
            <a:r>
              <a:rPr lang="en-US" dirty="0"/>
              <a:t> percentile user spectral efficiency = 10Mbps/10MHz = 1bps/Hz (one tenth of cell SE)</a:t>
            </a:r>
          </a:p>
        </p:txBody>
      </p:sp>
    </p:spTree>
    <p:custDataLst>
      <p:custData r:id="rId1"/>
      <p:custData r:id="rId2"/>
    </p:custDataLst>
    <p:extLst>
      <p:ext uri="{BB962C8B-B14F-4D97-AF65-F5344CB8AC3E}">
        <p14:creationId xmlns:p14="http://schemas.microsoft.com/office/powerpoint/2010/main" val="48923319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489AAB5-229B-463D-A48D-36E26FF960C3}"/>
              </a:ext>
            </a:extLst>
          </p:cNvPr>
          <p:cNvSpPr>
            <a:spLocks noGrp="1"/>
          </p:cNvSpPr>
          <p:nvPr>
            <p:ph type="title"/>
          </p:nvPr>
        </p:nvSpPr>
        <p:spPr/>
        <p:txBody>
          <a:bodyPr/>
          <a:lstStyle/>
          <a:p>
            <a:r>
              <a:rPr lang="en-US" dirty="0"/>
              <a:t>Doc 30, TCOE</a:t>
            </a:r>
          </a:p>
        </p:txBody>
      </p:sp>
      <p:sp>
        <p:nvSpPr>
          <p:cNvPr id="3" name="Content Placeholder 2">
            <a:extLst>
              <a:ext uri="{FF2B5EF4-FFF2-40B4-BE49-F238E27FC236}">
                <a16:creationId xmlns:a16="http://schemas.microsoft.com/office/drawing/2014/main" id="{93FC22F8-0635-40EC-B6F3-561F21049DF4}"/>
              </a:ext>
            </a:extLst>
          </p:cNvPr>
          <p:cNvSpPr>
            <a:spLocks noGrp="1"/>
          </p:cNvSpPr>
          <p:nvPr>
            <p:ph sz="half" idx="1"/>
          </p:nvPr>
        </p:nvSpPr>
        <p:spPr/>
        <p:txBody>
          <a:bodyPr/>
          <a:lstStyle/>
          <a:p>
            <a:r>
              <a:rPr lang="en-US" dirty="0"/>
              <a:t>Avg</a:t>
            </a:r>
          </a:p>
        </p:txBody>
      </p:sp>
      <p:sp>
        <p:nvSpPr>
          <p:cNvPr id="6" name="Content Placeholder 5">
            <a:extLst>
              <a:ext uri="{FF2B5EF4-FFF2-40B4-BE49-F238E27FC236}">
                <a16:creationId xmlns:a16="http://schemas.microsoft.com/office/drawing/2014/main" id="{1AF7A813-3C4A-427E-8AE1-638B83CF95E2}"/>
              </a:ext>
            </a:extLst>
          </p:cNvPr>
          <p:cNvSpPr>
            <a:spLocks noGrp="1"/>
          </p:cNvSpPr>
          <p:nvPr>
            <p:ph sz="quarter" idx="3"/>
          </p:nvPr>
        </p:nvSpPr>
        <p:spPr/>
        <p:txBody>
          <a:bodyPr/>
          <a:lstStyle/>
          <a:p>
            <a:r>
              <a:rPr lang="en-US" dirty="0"/>
              <a:t>5th percentile</a:t>
            </a:r>
          </a:p>
        </p:txBody>
      </p:sp>
      <p:pic>
        <p:nvPicPr>
          <p:cNvPr id="4" name="Picture 3">
            <a:extLst>
              <a:ext uri="{FF2B5EF4-FFF2-40B4-BE49-F238E27FC236}">
                <a16:creationId xmlns:a16="http://schemas.microsoft.com/office/drawing/2014/main" id="{C6B78C24-9A47-4B6B-8E25-0D062783A67E}"/>
              </a:ext>
            </a:extLst>
          </p:cNvPr>
          <p:cNvPicPr>
            <a:picLocks noChangeAspect="1"/>
          </p:cNvPicPr>
          <p:nvPr/>
        </p:nvPicPr>
        <p:blipFill>
          <a:blip r:embed="rId2"/>
          <a:stretch>
            <a:fillRect/>
          </a:stretch>
        </p:blipFill>
        <p:spPr>
          <a:xfrm>
            <a:off x="-233363" y="3300412"/>
            <a:ext cx="6124575" cy="2895600"/>
          </a:xfrm>
          <a:prstGeom prst="rect">
            <a:avLst/>
          </a:prstGeom>
        </p:spPr>
      </p:pic>
      <p:pic>
        <p:nvPicPr>
          <p:cNvPr id="5" name="Picture 4">
            <a:extLst>
              <a:ext uri="{FF2B5EF4-FFF2-40B4-BE49-F238E27FC236}">
                <a16:creationId xmlns:a16="http://schemas.microsoft.com/office/drawing/2014/main" id="{92274679-244A-48D6-846D-3D58B7B08AB6}"/>
              </a:ext>
            </a:extLst>
          </p:cNvPr>
          <p:cNvPicPr>
            <a:picLocks noChangeAspect="1"/>
          </p:cNvPicPr>
          <p:nvPr/>
        </p:nvPicPr>
        <p:blipFill>
          <a:blip r:embed="rId3"/>
          <a:stretch>
            <a:fillRect/>
          </a:stretch>
        </p:blipFill>
        <p:spPr>
          <a:xfrm>
            <a:off x="6386512" y="3224212"/>
            <a:ext cx="5105400" cy="2971800"/>
          </a:xfrm>
          <a:prstGeom prst="rect">
            <a:avLst/>
          </a:prstGeom>
        </p:spPr>
      </p:pic>
      <p:sp>
        <p:nvSpPr>
          <p:cNvPr id="7" name="Oval 6">
            <a:extLst>
              <a:ext uri="{FF2B5EF4-FFF2-40B4-BE49-F238E27FC236}">
                <a16:creationId xmlns:a16="http://schemas.microsoft.com/office/drawing/2014/main" id="{6318772D-92DA-482A-90FF-68C7A0D03ECA}"/>
              </a:ext>
            </a:extLst>
          </p:cNvPr>
          <p:cNvSpPr/>
          <p:nvPr/>
        </p:nvSpPr>
        <p:spPr bwMode="auto">
          <a:xfrm>
            <a:off x="3457575" y="5630862"/>
            <a:ext cx="933450" cy="390525"/>
          </a:xfrm>
          <a:prstGeom prst="ellipse">
            <a:avLst/>
          </a:prstGeom>
          <a:noFill/>
          <a:ln w="28575" cap="flat" cmpd="sng" algn="ctr">
            <a:solidFill>
              <a:srgbClr val="FF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8" name="Oval 7">
            <a:extLst>
              <a:ext uri="{FF2B5EF4-FFF2-40B4-BE49-F238E27FC236}">
                <a16:creationId xmlns:a16="http://schemas.microsoft.com/office/drawing/2014/main" id="{C689E6E6-156C-43E3-A351-4ADFCF6A2996}"/>
              </a:ext>
            </a:extLst>
          </p:cNvPr>
          <p:cNvSpPr/>
          <p:nvPr/>
        </p:nvSpPr>
        <p:spPr bwMode="auto">
          <a:xfrm>
            <a:off x="9096375" y="5630862"/>
            <a:ext cx="933450" cy="390525"/>
          </a:xfrm>
          <a:prstGeom prst="ellipse">
            <a:avLst/>
          </a:prstGeom>
          <a:noFill/>
          <a:ln w="28575" cap="flat" cmpd="sng" algn="ctr">
            <a:solidFill>
              <a:srgbClr val="FF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9" name="Oval 8">
            <a:extLst>
              <a:ext uri="{FF2B5EF4-FFF2-40B4-BE49-F238E27FC236}">
                <a16:creationId xmlns:a16="http://schemas.microsoft.com/office/drawing/2014/main" id="{7AF4F253-AAD6-4512-8CCF-F01B8D8E88AF}"/>
              </a:ext>
            </a:extLst>
          </p:cNvPr>
          <p:cNvSpPr/>
          <p:nvPr/>
        </p:nvSpPr>
        <p:spPr bwMode="auto">
          <a:xfrm>
            <a:off x="9024144" y="4550568"/>
            <a:ext cx="933450" cy="390525"/>
          </a:xfrm>
          <a:prstGeom prst="ellipse">
            <a:avLst/>
          </a:prstGeom>
          <a:noFill/>
          <a:ln w="28575" cap="flat" cmpd="sng" algn="ctr">
            <a:solidFill>
              <a:srgbClr val="FF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10" name="Oval 9">
            <a:extLst>
              <a:ext uri="{FF2B5EF4-FFF2-40B4-BE49-F238E27FC236}">
                <a16:creationId xmlns:a16="http://schemas.microsoft.com/office/drawing/2014/main" id="{02D620CD-E614-4B05-8B8E-5791F7D51991}"/>
              </a:ext>
            </a:extLst>
          </p:cNvPr>
          <p:cNvSpPr/>
          <p:nvPr/>
        </p:nvSpPr>
        <p:spPr bwMode="auto">
          <a:xfrm>
            <a:off x="3457575" y="4555330"/>
            <a:ext cx="933450" cy="390525"/>
          </a:xfrm>
          <a:prstGeom prst="ellipse">
            <a:avLst/>
          </a:prstGeom>
          <a:noFill/>
          <a:ln w="28575" cap="flat" cmpd="sng" algn="ctr">
            <a:solidFill>
              <a:srgbClr val="FF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Tree>
    <p:extLst>
      <p:ext uri="{BB962C8B-B14F-4D97-AF65-F5344CB8AC3E}">
        <p14:creationId xmlns:p14="http://schemas.microsoft.com/office/powerpoint/2010/main" val="16867217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p:txBody>
          <a:bodyPr>
            <a:normAutofit lnSpcReduction="10000"/>
          </a:bodyPr>
          <a:lstStyle/>
          <a:p>
            <a:endParaRPr lang="en-US" dirty="0"/>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Content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TSDSI pi/2-BPSK and 3GPP pi/2-BPSK  </a:t>
            </a:r>
          </a:p>
          <a:p>
            <a:r>
              <a:rPr lang="en-US" dirty="0"/>
              <a:t>Results in section 20 of the self-evaluation</a:t>
            </a:r>
          </a:p>
          <a:p>
            <a:r>
              <a:rPr lang="en-US" dirty="0"/>
              <a:t>The 5</a:t>
            </a:r>
            <a:r>
              <a:rPr lang="en-US" baseline="30000" dirty="0"/>
              <a:t>th</a:t>
            </a:r>
            <a:r>
              <a:rPr lang="en-US" dirty="0"/>
              <a:t> percentile user spectral efficiency results from TCOE</a:t>
            </a:r>
          </a:p>
        </p:txBody>
      </p:sp>
    </p:spTree>
    <p:custDataLst>
      <p:custData r:id="rId1"/>
      <p:custData r:id="rId2"/>
    </p:custDataLst>
    <p:extLst>
      <p:ext uri="{BB962C8B-B14F-4D97-AF65-F5344CB8AC3E}">
        <p14:creationId xmlns:p14="http://schemas.microsoft.com/office/powerpoint/2010/main" val="370995998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54D311D-2157-4A35-9F56-0E8FE9FDD7BC}"/>
              </a:ext>
            </a:extLst>
          </p:cNvPr>
          <p:cNvSpPr>
            <a:spLocks noGrp="1"/>
          </p:cNvSpPr>
          <p:nvPr>
            <p:ph sz="quarter" idx="13"/>
          </p:nvPr>
        </p:nvSpPr>
        <p:spPr>
          <a:xfrm>
            <a:off x="0" y="0"/>
            <a:ext cx="12192000" cy="6858000"/>
          </a:xfrm>
        </p:spPr>
        <p:txBody>
          <a:bodyPr/>
          <a:lstStyle/>
          <a:p>
            <a:endParaRPr lang="en-US" dirty="0"/>
          </a:p>
        </p:txBody>
      </p:sp>
      <p:sp>
        <p:nvSpPr>
          <p:cNvPr id="3" name="Title 2">
            <a:extLst>
              <a:ext uri="{FF2B5EF4-FFF2-40B4-BE49-F238E27FC236}">
                <a16:creationId xmlns:a16="http://schemas.microsoft.com/office/drawing/2014/main" id="{17D5CE7D-CCF0-44B0-843A-8D46859C44EE}"/>
              </a:ext>
            </a:extLst>
          </p:cNvPr>
          <p:cNvSpPr>
            <a:spLocks noGrp="1"/>
          </p:cNvSpPr>
          <p:nvPr>
            <p:ph type="ctrTitle"/>
          </p:nvPr>
        </p:nvSpPr>
        <p:spPr/>
        <p:txBody>
          <a:bodyPr/>
          <a:lstStyle/>
          <a:p>
            <a:r>
              <a:rPr lang="en-US" dirty="0"/>
              <a:t>TSDSI pi/2-BPSK and </a:t>
            </a:r>
            <a:br>
              <a:rPr lang="en-US" dirty="0"/>
            </a:br>
            <a:r>
              <a:rPr lang="en-US" dirty="0"/>
              <a:t>3GPP pi/2-BPSK  </a:t>
            </a:r>
          </a:p>
        </p:txBody>
      </p:sp>
      <p:sp>
        <p:nvSpPr>
          <p:cNvPr id="4" name="Subtitle 3">
            <a:extLst>
              <a:ext uri="{FF2B5EF4-FFF2-40B4-BE49-F238E27FC236}">
                <a16:creationId xmlns:a16="http://schemas.microsoft.com/office/drawing/2014/main" id="{6A927E07-3624-45B8-934B-C229726CA813}"/>
              </a:ext>
            </a:extLst>
          </p:cNvPr>
          <p:cNvSpPr>
            <a:spLocks noGrp="1"/>
          </p:cNvSpPr>
          <p:nvPr>
            <p:ph type="subTitle" idx="1"/>
          </p:nvPr>
        </p:nvSpPr>
        <p:spPr/>
        <p:txBody>
          <a:bodyPr/>
          <a:lstStyle/>
          <a:p>
            <a:endParaRPr lang="en-US" dirty="0"/>
          </a:p>
        </p:txBody>
      </p:sp>
      <p:sp>
        <p:nvSpPr>
          <p:cNvPr id="5" name="Content Placeholder 4">
            <a:extLst>
              <a:ext uri="{FF2B5EF4-FFF2-40B4-BE49-F238E27FC236}">
                <a16:creationId xmlns:a16="http://schemas.microsoft.com/office/drawing/2014/main" id="{0D8DE8B4-7BAB-4C18-A0E5-01D3A11D374F}"/>
              </a:ext>
            </a:extLst>
          </p:cNvPr>
          <p:cNvSpPr>
            <a:spLocks noGrp="1"/>
          </p:cNvSpPr>
          <p:nvPr>
            <p:ph sz="quarter" idx="10"/>
          </p:nvPr>
        </p:nvSpPr>
        <p:spPr/>
        <p:txBody>
          <a:bodyPr/>
          <a:lstStyle/>
          <a:p>
            <a:endParaRPr lang="en-US" dirty="0"/>
          </a:p>
        </p:txBody>
      </p:sp>
      <p:sp>
        <p:nvSpPr>
          <p:cNvPr id="6" name="Content Placeholder 5">
            <a:extLst>
              <a:ext uri="{FF2B5EF4-FFF2-40B4-BE49-F238E27FC236}">
                <a16:creationId xmlns:a16="http://schemas.microsoft.com/office/drawing/2014/main" id="{327EB691-17C6-4220-AA5E-2F3518AF8CC2}"/>
              </a:ext>
            </a:extLst>
          </p:cNvPr>
          <p:cNvSpPr>
            <a:spLocks noGrp="1"/>
          </p:cNvSpPr>
          <p:nvPr>
            <p:ph sz="quarter" idx="11"/>
          </p:nvPr>
        </p:nvSpPr>
        <p:spPr>
          <a:xfrm>
            <a:off x="8229600" y="6264000"/>
            <a:ext cx="2515041" cy="262800"/>
          </a:xfrm>
        </p:spPr>
        <p:txBody>
          <a:bodyPr/>
          <a:lstStyle/>
          <a:p>
            <a:endParaRPr lang="en-US" dirty="0"/>
          </a:p>
        </p:txBody>
      </p:sp>
      <p:sp>
        <p:nvSpPr>
          <p:cNvPr id="7" name="Content Placeholder 6">
            <a:extLst>
              <a:ext uri="{FF2B5EF4-FFF2-40B4-BE49-F238E27FC236}">
                <a16:creationId xmlns:a16="http://schemas.microsoft.com/office/drawing/2014/main" id="{0BF70DC3-66C9-451C-917E-BA44956D1DBD}"/>
              </a:ext>
            </a:extLst>
          </p:cNvPr>
          <p:cNvSpPr>
            <a:spLocks noGrp="1"/>
          </p:cNvSpPr>
          <p:nvPr>
            <p:ph sz="quarter" idx="12"/>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363307338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TSDSI pi/2-BPSK and 3GPP pi/2-BPSK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lvl="0"/>
            <a:r>
              <a:rPr lang="en-US" dirty="0"/>
              <a:t>Spectrum shaping improves PAPR but degrades receiver performance</a:t>
            </a:r>
          </a:p>
          <a:p>
            <a:pPr lvl="0"/>
            <a:r>
              <a:rPr lang="en-US" dirty="0"/>
              <a:t>The extent to which the PAPR improvement can be used to increase power depends on UE implementation and regulations</a:t>
            </a:r>
          </a:p>
          <a:p>
            <a:pPr lvl="0"/>
            <a:r>
              <a:rPr lang="en-US" dirty="0"/>
              <a:t>Both 3GPP and TSDSI RITs support pi/2-BPSK with spectrum shaping</a:t>
            </a:r>
          </a:p>
          <a:p>
            <a:pPr lvl="1"/>
            <a:r>
              <a:rPr lang="en-US" dirty="0"/>
              <a:t>For 3GPP the filter is not specified and unknown by the receiver</a:t>
            </a:r>
          </a:p>
          <a:p>
            <a:pPr lvl="1"/>
            <a:r>
              <a:rPr lang="en-US" dirty="0"/>
              <a:t>For TSDSI the filter is specified and known by the receiver</a:t>
            </a:r>
          </a:p>
          <a:p>
            <a:endParaRPr lang="en-US" dirty="0"/>
          </a:p>
          <a:p>
            <a:r>
              <a:rPr lang="en-US" dirty="0"/>
              <a:t>Why is the TSDSI RIT not compared to the 3GPP RIT with pi/2-BPSK and spectrum shaping?</a:t>
            </a:r>
          </a:p>
        </p:txBody>
      </p:sp>
    </p:spTree>
    <p:custDataLst>
      <p:custData r:id="rId1"/>
      <p:custData r:id="rId2"/>
    </p:custDataLst>
    <p:extLst>
      <p:ext uri="{BB962C8B-B14F-4D97-AF65-F5344CB8AC3E}">
        <p14:creationId xmlns:p14="http://schemas.microsoft.com/office/powerpoint/2010/main" val="6599751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54D311D-2157-4A35-9F56-0E8FE9FDD7BC}"/>
              </a:ext>
            </a:extLst>
          </p:cNvPr>
          <p:cNvSpPr>
            <a:spLocks noGrp="1"/>
          </p:cNvSpPr>
          <p:nvPr>
            <p:ph sz="quarter" idx="13"/>
          </p:nvPr>
        </p:nvSpPr>
        <p:spPr>
          <a:xfrm>
            <a:off x="0" y="0"/>
            <a:ext cx="12192000" cy="6858000"/>
          </a:xfrm>
        </p:spPr>
        <p:txBody>
          <a:bodyPr/>
          <a:lstStyle/>
          <a:p>
            <a:endParaRPr lang="en-US" dirty="0"/>
          </a:p>
        </p:txBody>
      </p:sp>
      <p:sp>
        <p:nvSpPr>
          <p:cNvPr id="3" name="Title 2">
            <a:extLst>
              <a:ext uri="{FF2B5EF4-FFF2-40B4-BE49-F238E27FC236}">
                <a16:creationId xmlns:a16="http://schemas.microsoft.com/office/drawing/2014/main" id="{17D5CE7D-CCF0-44B0-843A-8D46859C44EE}"/>
              </a:ext>
            </a:extLst>
          </p:cNvPr>
          <p:cNvSpPr>
            <a:spLocks noGrp="1"/>
          </p:cNvSpPr>
          <p:nvPr>
            <p:ph type="ctrTitle"/>
          </p:nvPr>
        </p:nvSpPr>
        <p:spPr/>
        <p:txBody>
          <a:bodyPr/>
          <a:lstStyle/>
          <a:p>
            <a:r>
              <a:rPr lang="en-US" dirty="0"/>
              <a:t>Results in section 20 of the self-evaluation</a:t>
            </a:r>
          </a:p>
        </p:txBody>
      </p:sp>
      <p:sp>
        <p:nvSpPr>
          <p:cNvPr id="4" name="Subtitle 3">
            <a:extLst>
              <a:ext uri="{FF2B5EF4-FFF2-40B4-BE49-F238E27FC236}">
                <a16:creationId xmlns:a16="http://schemas.microsoft.com/office/drawing/2014/main" id="{6A927E07-3624-45B8-934B-C229726CA813}"/>
              </a:ext>
            </a:extLst>
          </p:cNvPr>
          <p:cNvSpPr>
            <a:spLocks noGrp="1"/>
          </p:cNvSpPr>
          <p:nvPr>
            <p:ph type="subTitle" idx="1"/>
          </p:nvPr>
        </p:nvSpPr>
        <p:spPr/>
        <p:txBody>
          <a:bodyPr/>
          <a:lstStyle/>
          <a:p>
            <a:endParaRPr lang="en-US" dirty="0"/>
          </a:p>
        </p:txBody>
      </p:sp>
      <p:sp>
        <p:nvSpPr>
          <p:cNvPr id="5" name="Content Placeholder 4">
            <a:extLst>
              <a:ext uri="{FF2B5EF4-FFF2-40B4-BE49-F238E27FC236}">
                <a16:creationId xmlns:a16="http://schemas.microsoft.com/office/drawing/2014/main" id="{0D8DE8B4-7BAB-4C18-A0E5-01D3A11D374F}"/>
              </a:ext>
            </a:extLst>
          </p:cNvPr>
          <p:cNvSpPr>
            <a:spLocks noGrp="1"/>
          </p:cNvSpPr>
          <p:nvPr>
            <p:ph sz="quarter" idx="10"/>
          </p:nvPr>
        </p:nvSpPr>
        <p:spPr/>
        <p:txBody>
          <a:bodyPr/>
          <a:lstStyle/>
          <a:p>
            <a:endParaRPr lang="en-US" dirty="0"/>
          </a:p>
        </p:txBody>
      </p:sp>
      <p:sp>
        <p:nvSpPr>
          <p:cNvPr id="6" name="Content Placeholder 5">
            <a:extLst>
              <a:ext uri="{FF2B5EF4-FFF2-40B4-BE49-F238E27FC236}">
                <a16:creationId xmlns:a16="http://schemas.microsoft.com/office/drawing/2014/main" id="{327EB691-17C6-4220-AA5E-2F3518AF8CC2}"/>
              </a:ext>
            </a:extLst>
          </p:cNvPr>
          <p:cNvSpPr>
            <a:spLocks noGrp="1"/>
          </p:cNvSpPr>
          <p:nvPr>
            <p:ph sz="quarter" idx="11"/>
          </p:nvPr>
        </p:nvSpPr>
        <p:spPr>
          <a:xfrm>
            <a:off x="8229600" y="6264000"/>
            <a:ext cx="2515041" cy="262800"/>
          </a:xfrm>
        </p:spPr>
        <p:txBody>
          <a:bodyPr/>
          <a:lstStyle/>
          <a:p>
            <a:endParaRPr lang="en-US" dirty="0"/>
          </a:p>
        </p:txBody>
      </p:sp>
      <p:sp>
        <p:nvSpPr>
          <p:cNvPr id="7" name="Content Placeholder 6">
            <a:extLst>
              <a:ext uri="{FF2B5EF4-FFF2-40B4-BE49-F238E27FC236}">
                <a16:creationId xmlns:a16="http://schemas.microsoft.com/office/drawing/2014/main" id="{0BF70DC3-66C9-451C-917E-BA44956D1DBD}"/>
              </a:ext>
            </a:extLst>
          </p:cNvPr>
          <p:cNvSpPr>
            <a:spLocks noGrp="1"/>
          </p:cNvSpPr>
          <p:nvPr>
            <p:ph sz="quarter" idx="12"/>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197412565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Section 20 of the TSDSI self-evaluation</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Submission: </a:t>
            </a:r>
            <a:r>
              <a:rPr lang="en-US" dirty="0">
                <a:hlinkClick r:id="rId4"/>
              </a:rPr>
              <a:t>https://www.itu.int/md/R15-WP5D-C-1301/en</a:t>
            </a:r>
            <a:r>
              <a:rPr lang="en-US" dirty="0"/>
              <a:t>, self-evaluation in Appendix 5</a:t>
            </a:r>
          </a:p>
          <a:p>
            <a:r>
              <a:rPr lang="en-US" dirty="0"/>
              <a:t>Section 20 contains additional results for </a:t>
            </a:r>
          </a:p>
          <a:p>
            <a:pPr lvl="1"/>
            <a:r>
              <a:rPr lang="en-US" dirty="0"/>
              <a:t>LMLC scenario with 12km ISD </a:t>
            </a:r>
          </a:p>
          <a:p>
            <a:pPr lvl="1"/>
            <a:r>
              <a:rPr lang="en-US" dirty="0"/>
              <a:t>60MHz TDD at 3.5GHz</a:t>
            </a:r>
          </a:p>
          <a:p>
            <a:pPr lvl="1"/>
            <a:r>
              <a:rPr lang="en-US" dirty="0"/>
              <a:t>10 UEs per sector, FDM scheduling</a:t>
            </a:r>
          </a:p>
          <a:p>
            <a:pPr lvl="1"/>
            <a:r>
              <a:rPr lang="en-US" dirty="0"/>
              <a:t>2 or 4 BS antennas</a:t>
            </a:r>
          </a:p>
          <a:p>
            <a:pPr lvl="1"/>
            <a:r>
              <a:rPr lang="en-US" dirty="0"/>
              <a:t>UE power</a:t>
            </a:r>
          </a:p>
          <a:p>
            <a:pPr lvl="2"/>
            <a:r>
              <a:rPr lang="en-US" dirty="0"/>
              <a:t>23dBm with QPSK</a:t>
            </a:r>
          </a:p>
          <a:p>
            <a:pPr lvl="2"/>
            <a:r>
              <a:rPr lang="en-US" dirty="0"/>
              <a:t>26dBm with pi/2-BPSK</a:t>
            </a:r>
          </a:p>
          <a:p>
            <a:r>
              <a:rPr lang="en-US" dirty="0"/>
              <a:t>Results indicate 0.67 – 2.3Mbps at 5</a:t>
            </a:r>
            <a:r>
              <a:rPr lang="en-US" baseline="30000" dirty="0"/>
              <a:t>th</a:t>
            </a:r>
            <a:br>
              <a:rPr lang="en-US" dirty="0"/>
            </a:br>
            <a:r>
              <a:rPr lang="en-US" dirty="0"/>
              <a:t>percentile</a:t>
            </a:r>
          </a:p>
        </p:txBody>
      </p:sp>
      <p:pic>
        <p:nvPicPr>
          <p:cNvPr id="6" name="Picture 5" descr="A close up of a map&#10;&#10;Description automatically generated">
            <a:extLst>
              <a:ext uri="{FF2B5EF4-FFF2-40B4-BE49-F238E27FC236}">
                <a16:creationId xmlns:a16="http://schemas.microsoft.com/office/drawing/2014/main" id="{ADDD755C-5078-4C47-84DF-9CC721121B13}"/>
              </a:ext>
            </a:extLst>
          </p:cNvPr>
          <p:cNvPicPr/>
          <p:nvPr/>
        </p:nvPicPr>
        <p:blipFill>
          <a:blip r:embed="rId5" cstate="print">
            <a:extLst>
              <a:ext uri="{28A0092B-C50C-407E-A947-70E740481C1C}">
                <a14:useLocalDpi xmlns:a14="http://schemas.microsoft.com/office/drawing/2010/main" val="0"/>
              </a:ext>
            </a:extLst>
          </a:blip>
          <a:stretch>
            <a:fillRect/>
          </a:stretch>
        </p:blipFill>
        <p:spPr>
          <a:xfrm>
            <a:off x="5740400" y="3219449"/>
            <a:ext cx="5732145" cy="2874645"/>
          </a:xfrm>
          <a:prstGeom prst="rect">
            <a:avLst/>
          </a:prstGeom>
        </p:spPr>
      </p:pic>
    </p:spTree>
    <p:custDataLst>
      <p:custData r:id="rId1"/>
      <p:custData r:id="rId2"/>
    </p:custDataLst>
    <p:extLst>
      <p:ext uri="{BB962C8B-B14F-4D97-AF65-F5344CB8AC3E}">
        <p14:creationId xmlns:p14="http://schemas.microsoft.com/office/powerpoint/2010/main" val="329301853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EADD584-78F9-48D5-ABC9-EC45F272A82B}"/>
              </a:ext>
            </a:extLst>
          </p:cNvPr>
          <p:cNvSpPr>
            <a:spLocks noGrp="1"/>
          </p:cNvSpPr>
          <p:nvPr>
            <p:ph type="title"/>
          </p:nvPr>
        </p:nvSpPr>
        <p:spPr/>
        <p:txBody>
          <a:bodyPr/>
          <a:lstStyle/>
          <a:p>
            <a:r>
              <a:rPr lang="en-US" dirty="0"/>
              <a:t>Is it reasonable? </a:t>
            </a:r>
          </a:p>
        </p:txBody>
      </p:sp>
      <p:sp>
        <p:nvSpPr>
          <p:cNvPr id="3" name="Content Placeholder 2">
            <a:extLst>
              <a:ext uri="{FF2B5EF4-FFF2-40B4-BE49-F238E27FC236}">
                <a16:creationId xmlns:a16="http://schemas.microsoft.com/office/drawing/2014/main" id="{9BB5D92E-69B2-415B-AE17-7DB0104CFA05}"/>
              </a:ext>
            </a:extLst>
          </p:cNvPr>
          <p:cNvSpPr>
            <a:spLocks noGrp="1"/>
          </p:cNvSpPr>
          <p:nvPr>
            <p:ph sz="quarter" idx="10"/>
          </p:nvPr>
        </p:nvSpPr>
        <p:spPr>
          <a:xfrm>
            <a:off x="479425" y="1557338"/>
            <a:ext cx="6864350" cy="4392612"/>
          </a:xfrm>
        </p:spPr>
        <p:txBody>
          <a:bodyPr/>
          <a:lstStyle/>
          <a:p>
            <a:r>
              <a:rPr lang="en-US" sz="1800" dirty="0"/>
              <a:t>For LMLC with 6km ISD and 700MHz, the coupling gain at the 5</a:t>
            </a:r>
            <a:r>
              <a:rPr lang="en-US" sz="1800" baseline="30000" dirty="0"/>
              <a:t>th</a:t>
            </a:r>
            <a:r>
              <a:rPr lang="en-US" sz="1800" dirty="0"/>
              <a:t> percentile is -130.4dB</a:t>
            </a:r>
          </a:p>
          <a:p>
            <a:r>
              <a:rPr lang="en-US" sz="1800" dirty="0"/>
              <a:t>With a frequency dependency of 20*log10(f), we get an additional loss at 3.5GHz of 20*log10(3.5/0.7) = 14dB</a:t>
            </a:r>
          </a:p>
          <a:p>
            <a:r>
              <a:rPr lang="en-US" sz="1800" dirty="0"/>
              <a:t>With a distance dependency of 38.6*log10(d), we get an additional loss for 12km ISD of 38.6*log10(12/6)= 11.6dB</a:t>
            </a:r>
          </a:p>
          <a:p>
            <a:r>
              <a:rPr lang="en-US" sz="1800" dirty="0"/>
              <a:t>The resulting coupling gain is -156dB</a:t>
            </a:r>
          </a:p>
          <a:p>
            <a:r>
              <a:rPr lang="en-US" sz="1800" dirty="0"/>
              <a:t>The received power is 26dBm – 156dB = -130dBm</a:t>
            </a:r>
          </a:p>
          <a:p>
            <a:r>
              <a:rPr lang="en-US" sz="1800" dirty="0"/>
              <a:t>The noise power on 6MHz is -101dBm</a:t>
            </a:r>
          </a:p>
          <a:p>
            <a:pPr lvl="1"/>
            <a:r>
              <a:rPr lang="en-US" sz="1800" dirty="0"/>
              <a:t>10*log10(4e-21*6e6/1e-3)+5</a:t>
            </a:r>
          </a:p>
          <a:p>
            <a:r>
              <a:rPr lang="en-US" sz="1800" dirty="0"/>
              <a:t>The SNR per antenna (no interference) is -29dB</a:t>
            </a:r>
          </a:p>
          <a:p>
            <a:r>
              <a:rPr lang="en-US" sz="1800" dirty="0"/>
              <a:t>With 4 branch diversity the SNR is -23dB = 0.005</a:t>
            </a:r>
          </a:p>
          <a:p>
            <a:r>
              <a:rPr lang="en-US" sz="1800" dirty="0"/>
              <a:t>The data rate is W*log2(1+SNR) = 6e6*log2(1+0.005) = 43kbps</a:t>
            </a:r>
          </a:p>
          <a:p>
            <a:r>
              <a:rPr lang="en-US" sz="1800" dirty="0"/>
              <a:t>This is much lower than reported by TSDSI</a:t>
            </a:r>
          </a:p>
        </p:txBody>
      </p:sp>
      <p:pic>
        <p:nvPicPr>
          <p:cNvPr id="4" name="Picture 3">
            <a:extLst>
              <a:ext uri="{FF2B5EF4-FFF2-40B4-BE49-F238E27FC236}">
                <a16:creationId xmlns:a16="http://schemas.microsoft.com/office/drawing/2014/main" id="{E016F3FD-597E-44B0-B8EC-F111006B4E68}"/>
              </a:ext>
            </a:extLst>
          </p:cNvPr>
          <p:cNvPicPr>
            <a:picLocks noChangeAspect="1"/>
          </p:cNvPicPr>
          <p:nvPr/>
        </p:nvPicPr>
        <p:blipFill>
          <a:blip r:embed="rId2"/>
          <a:stretch>
            <a:fillRect/>
          </a:stretch>
        </p:blipFill>
        <p:spPr>
          <a:xfrm>
            <a:off x="7268374" y="1557338"/>
            <a:ext cx="4701376" cy="3528000"/>
          </a:xfrm>
          <a:prstGeom prst="rect">
            <a:avLst/>
          </a:prstGeom>
        </p:spPr>
      </p:pic>
    </p:spTree>
    <p:extLst>
      <p:ext uri="{BB962C8B-B14F-4D97-AF65-F5344CB8AC3E}">
        <p14:creationId xmlns:p14="http://schemas.microsoft.com/office/powerpoint/2010/main" val="53902048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54D311D-2157-4A35-9F56-0E8FE9FDD7BC}"/>
              </a:ext>
            </a:extLst>
          </p:cNvPr>
          <p:cNvSpPr>
            <a:spLocks noGrp="1"/>
          </p:cNvSpPr>
          <p:nvPr>
            <p:ph sz="quarter" idx="13"/>
          </p:nvPr>
        </p:nvSpPr>
        <p:spPr>
          <a:xfrm>
            <a:off x="0" y="0"/>
            <a:ext cx="12192000" cy="6858000"/>
          </a:xfrm>
        </p:spPr>
        <p:txBody>
          <a:bodyPr/>
          <a:lstStyle/>
          <a:p>
            <a:endParaRPr lang="en-US" dirty="0"/>
          </a:p>
        </p:txBody>
      </p:sp>
      <p:sp>
        <p:nvSpPr>
          <p:cNvPr id="3" name="Title 2">
            <a:extLst>
              <a:ext uri="{FF2B5EF4-FFF2-40B4-BE49-F238E27FC236}">
                <a16:creationId xmlns:a16="http://schemas.microsoft.com/office/drawing/2014/main" id="{17D5CE7D-CCF0-44B0-843A-8D46859C44EE}"/>
              </a:ext>
            </a:extLst>
          </p:cNvPr>
          <p:cNvSpPr>
            <a:spLocks noGrp="1"/>
          </p:cNvSpPr>
          <p:nvPr>
            <p:ph type="ctrTitle"/>
          </p:nvPr>
        </p:nvSpPr>
        <p:spPr/>
        <p:txBody>
          <a:bodyPr/>
          <a:lstStyle/>
          <a:p>
            <a:r>
              <a:rPr lang="en-US" dirty="0"/>
              <a:t>Cell average and 5</a:t>
            </a:r>
            <a:r>
              <a:rPr lang="en-US" baseline="30000" dirty="0"/>
              <a:t>th</a:t>
            </a:r>
            <a:r>
              <a:rPr lang="en-US" dirty="0"/>
              <a:t> percentile user  spectral efficiency</a:t>
            </a:r>
          </a:p>
        </p:txBody>
      </p:sp>
      <p:sp>
        <p:nvSpPr>
          <p:cNvPr id="4" name="Subtitle 3">
            <a:extLst>
              <a:ext uri="{FF2B5EF4-FFF2-40B4-BE49-F238E27FC236}">
                <a16:creationId xmlns:a16="http://schemas.microsoft.com/office/drawing/2014/main" id="{6A927E07-3624-45B8-934B-C229726CA813}"/>
              </a:ext>
            </a:extLst>
          </p:cNvPr>
          <p:cNvSpPr>
            <a:spLocks noGrp="1"/>
          </p:cNvSpPr>
          <p:nvPr>
            <p:ph type="subTitle" idx="1"/>
          </p:nvPr>
        </p:nvSpPr>
        <p:spPr/>
        <p:txBody>
          <a:bodyPr/>
          <a:lstStyle/>
          <a:p>
            <a:endParaRPr lang="en-US" dirty="0"/>
          </a:p>
        </p:txBody>
      </p:sp>
      <p:sp>
        <p:nvSpPr>
          <p:cNvPr id="5" name="Content Placeholder 4">
            <a:extLst>
              <a:ext uri="{FF2B5EF4-FFF2-40B4-BE49-F238E27FC236}">
                <a16:creationId xmlns:a16="http://schemas.microsoft.com/office/drawing/2014/main" id="{0D8DE8B4-7BAB-4C18-A0E5-01D3A11D374F}"/>
              </a:ext>
            </a:extLst>
          </p:cNvPr>
          <p:cNvSpPr>
            <a:spLocks noGrp="1"/>
          </p:cNvSpPr>
          <p:nvPr>
            <p:ph sz="quarter" idx="10"/>
          </p:nvPr>
        </p:nvSpPr>
        <p:spPr/>
        <p:txBody>
          <a:bodyPr/>
          <a:lstStyle/>
          <a:p>
            <a:endParaRPr lang="en-US" dirty="0"/>
          </a:p>
        </p:txBody>
      </p:sp>
      <p:sp>
        <p:nvSpPr>
          <p:cNvPr id="6" name="Content Placeholder 5">
            <a:extLst>
              <a:ext uri="{FF2B5EF4-FFF2-40B4-BE49-F238E27FC236}">
                <a16:creationId xmlns:a16="http://schemas.microsoft.com/office/drawing/2014/main" id="{327EB691-17C6-4220-AA5E-2F3518AF8CC2}"/>
              </a:ext>
            </a:extLst>
          </p:cNvPr>
          <p:cNvSpPr>
            <a:spLocks noGrp="1"/>
          </p:cNvSpPr>
          <p:nvPr>
            <p:ph sz="quarter" idx="11"/>
          </p:nvPr>
        </p:nvSpPr>
        <p:spPr>
          <a:xfrm>
            <a:off x="8229600" y="6264000"/>
            <a:ext cx="2515041" cy="262800"/>
          </a:xfrm>
        </p:spPr>
        <p:txBody>
          <a:bodyPr/>
          <a:lstStyle/>
          <a:p>
            <a:endParaRPr lang="en-US" dirty="0"/>
          </a:p>
        </p:txBody>
      </p:sp>
      <p:sp>
        <p:nvSpPr>
          <p:cNvPr id="7" name="Content Placeholder 6">
            <a:extLst>
              <a:ext uri="{FF2B5EF4-FFF2-40B4-BE49-F238E27FC236}">
                <a16:creationId xmlns:a16="http://schemas.microsoft.com/office/drawing/2014/main" id="{0BF70DC3-66C9-451C-917E-BA44956D1DBD}"/>
              </a:ext>
            </a:extLst>
          </p:cNvPr>
          <p:cNvSpPr>
            <a:spLocks noGrp="1"/>
          </p:cNvSpPr>
          <p:nvPr>
            <p:ph sz="quarter" idx="12"/>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132619650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F43A1B8E-DC95-4EE1-BC70-5E5AA4615922}"/>
              </a:ext>
            </a:extLst>
          </p:cNvPr>
          <p:cNvSpPr>
            <a:spLocks noGrp="1"/>
          </p:cNvSpPr>
          <p:nvPr>
            <p:ph type="title"/>
          </p:nvPr>
        </p:nvSpPr>
        <p:spPr/>
        <p:txBody>
          <a:bodyPr/>
          <a:lstStyle/>
          <a:p>
            <a:r>
              <a:rPr lang="en-US" dirty="0"/>
              <a:t>Summary</a:t>
            </a:r>
          </a:p>
        </p:txBody>
      </p:sp>
      <p:sp>
        <p:nvSpPr>
          <p:cNvPr id="9" name="Content Placeholder 8">
            <a:extLst>
              <a:ext uri="{FF2B5EF4-FFF2-40B4-BE49-F238E27FC236}">
                <a16:creationId xmlns:a16="http://schemas.microsoft.com/office/drawing/2014/main" id="{CF0B8360-8EFB-47B8-A060-8BACF6A1DE49}"/>
              </a:ext>
            </a:extLst>
          </p:cNvPr>
          <p:cNvSpPr>
            <a:spLocks noGrp="1"/>
          </p:cNvSpPr>
          <p:nvPr>
            <p:ph sz="quarter" idx="10"/>
          </p:nvPr>
        </p:nvSpPr>
        <p:spPr/>
        <p:txBody>
          <a:bodyPr/>
          <a:lstStyle/>
          <a:p>
            <a:r>
              <a:rPr lang="en-US" dirty="0"/>
              <a:t>The average spectral efficiency and 5th percentile user spectral efficiency results for TSDSI from TCOE differ by less than a factor 10</a:t>
            </a:r>
          </a:p>
          <a:p>
            <a:r>
              <a:rPr lang="en-US" dirty="0"/>
              <a:t>This should not be mathematically possible  - a clarification is needed </a:t>
            </a:r>
          </a:p>
          <a:p>
            <a:endParaRPr lang="en-US" dirty="0"/>
          </a:p>
          <a:p>
            <a:r>
              <a:rPr lang="en-US" dirty="0"/>
              <a:t>5th percentile user spectral efficiency results appear very high, whereas the average spectral efficiency results are more similar to others </a:t>
            </a:r>
          </a:p>
          <a:p>
            <a:r>
              <a:rPr lang="en-US" dirty="0"/>
              <a:t>Possibly the 5th percentile user spectral efficiency were calculated in a way different from the IMT-2020 guidelines?</a:t>
            </a:r>
          </a:p>
        </p:txBody>
      </p:sp>
    </p:spTree>
    <p:extLst>
      <p:ext uri="{BB962C8B-B14F-4D97-AF65-F5344CB8AC3E}">
        <p14:creationId xmlns:p14="http://schemas.microsoft.com/office/powerpoint/2010/main" val="2232092640"/>
      </p:ext>
    </p:extLst>
  </p:cSld>
  <p:clrMapOvr>
    <a:masterClrMapping/>
  </p:clrMapOvr>
</p:sld>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0" indent="0" algn="l">
          <a:buNone/>
          <a:defRPr dirty="0">
            <a:solidFill>
              <a:schemeClr val="bg1"/>
            </a:solidFill>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0" indent="0" algn="l">
          <a:buNone/>
          <a:defRPr dirty="0" smtClean="0"/>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AA7AC0C743A294CADF60F661720E3E6" ma:contentTypeVersion="11" ma:contentTypeDescription="Create a new document." ma:contentTypeScope="" ma:versionID="c8f64cc3166e9de54641a92bbc13f4fb">
  <xsd:schema xmlns:xsd="http://www.w3.org/2001/XMLSchema" xmlns:xs="http://www.w3.org/2001/XMLSchema" xmlns:p="http://schemas.microsoft.com/office/2006/metadata/properties" xmlns:ns3="db33437f-65a5-48c5-b537-19efd290f967" xmlns:ns4="6f846979-0e6f-42ff-8b87-e1893efeda99" targetNamespace="http://schemas.microsoft.com/office/2006/metadata/properties" ma:root="true" ma:fieldsID="66ef05c8cfa929431c0e8e1a5d48c7c7" ns3:_="" ns4:_="">
    <xsd:import namespace="db33437f-65a5-48c5-b537-19efd290f967"/>
    <xsd:import namespace="6f846979-0e6f-42ff-8b87-e1893efeda99"/>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DateTaken" minOccurs="0"/>
                <xsd:element ref="ns4:MediaServiceAutoTags" minOccurs="0"/>
                <xsd:element ref="ns4:MediaServiceOCR" minOccurs="0"/>
                <xsd:element ref="ns4:MediaServiceLocation" minOccurs="0"/>
                <xsd:element ref="ns4:MediaServiceGenerationTime" minOccurs="0"/>
                <xsd:element ref="ns4: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b33437f-65a5-48c5-b537-19efd290f967"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SharingHintHash" ma:index="10" nillable="true" ma:displayName="Sharing Hint Hash" ma:description=""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f846979-0e6f-42ff-8b87-e1893efeda99"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MediaServiceAutoTags" ma:internalName="MediaServiceAutoTags"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Location" ma:index="16" nillable="true" ma:displayName="MediaServic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7037983905221558","enableDocumentContentUpdater":true,"version":"1.9"}]]></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documentContentValidatorConfiguration":{"enableDocumentContentValidator":false,"documentContentValidatorVersion":0},"elementsMetadata":[],"slideId":"637037983905221557","enableDocumentContentUpdater":true,"version":"1.9"}]]></TemplafySlideTemplateConfiguration>
</file>

<file path=customXml/item14.xml><?xml version="1.0" encoding="utf-8"?>
<TemplafySlideTemplateConfiguration><![CDATA[{"documentContentValidatorConfiguration":{"enableDocumentContentValidator":false,"documentContentValidatorVersion":0},"elementsMetadata":[],"slideId":"637037983905221558","enableDocumentContentUpdater":true,"version":"1.9"}]]></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documentContentValidatorConfiguration":{"enableDocumentContentValidator":false,"documentContentValidatorVersion":0},"elementsMetadata":[],"slideId":"637037983905221557","enableDocumentContentUpdater":true,"version":"1.9"}]]></TemplafySlideTemplateConfiguration>
</file>

<file path=customXml/item18.xml><?xml version="1.0" encoding="utf-8"?>
<TemplafySlideTemplateConfiguration><![CDATA[{"documentContentValidatorConfiguration":{"enableDocumentContentValidator":false,"documentContentValidatorVersion":0},"elementsMetadata":[],"slideId":"637037983905221558","enableDocumentContentUpdater":true,"version":"1.9"}]]></TemplafySlideTemplateConfiguration>
</file>

<file path=customXml/item19.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7037983905221557","enableDocumentContentUpdater":true,"version":"1.9"}]]></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documentContentValidatorConfiguration":{"enableDocumentContentValidator":false,"documentContentValidatorVersion":0},"elementsMetadata":[],"slideId":"637050925554934895","enableDocumentContentUpdater":true,"version":"1.9"}]]></TemplafySlideTemplateConfiguration>
</file>

<file path=customXml/item24.xml><?xml version="1.0" encoding="utf-8"?>
<TemplafySlideTemplateConfiguration><![CDATA[{"documentContentValidatorConfiguration":{"enableDocumentContentValidator":false,"documentContentValidatorVersion":0},"elementsMetadata":[],"slideId":"637050925554934895","enableDocumentContentUpdater":true,"version":"1.9"}]]></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037983905221558","enableDocumentContentUpdater":true,"version":"1.9"}]]></TemplafySlideTemplateConfiguration>
</file>

<file path=customXml/item28.xml><?xml version="1.0" encoding="utf-8"?>
<TemplafySlideTemplateConfiguration><![CDATA[{"documentContentValidatorConfiguration":{"enableDocumentContentValidator":false,"documentContentValidatorVersion":0},"elementsMetadata":[],"slideId":"637037983905678162","enableDocumentContentUpdater":true,"version":"1.9"}]]></TemplafySlideTemplateConfiguration>
</file>

<file path=customXml/item29.xml><?xml version="1.0" encoding="utf-8"?>
<TemplafySlideFormConfiguration><![CDATA[{"formFields":[],"formDataEntries":[]}]]></TemplafySlideFormConfiguration>
</file>

<file path=customXml/item3.xml><?xml version="1.0" encoding="utf-8"?>
<TemplafyTemplateConfiguration><![CDATA[{"elementsMetadata":[{"type":"shape","id":"b23607f7-ede4-421b-a8c5-67c40fe53319","elementConfiguration":{"binding":"Form.LogoInsertion.Pplogoname","inheritDimensions":"inheritNone","height":"1.34 cm","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New presentation (Standard landscape)","templateDescription":"","enableDocumentContentUpdater":true,"version":"1.9"}]]></TemplafyTemplateConfiguration>
</file>

<file path=customXml/item4.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TemplafySlideFormConfiguration><![CDATA[{"formFields":[],"formDataEntries":[]}]]></TemplafySlideFormConfiguration>
</file>

<file path=customXml/item7.xml><?xml version="1.0" encoding="utf-8"?>
<TemplafyFormConfiguration><![CDATA[{"formFields":[{"required":true,"placeholder":"","lines":0,"type":"textBox","name":"DocumentTitle","label":"Document Title","helpTexts":{"prefix":"","postfix":""},"spacing":{},"fullyQualifiedName":"DocumentTitle"},{"dataSource":"Confidentiality","displayColumn":"confidentiality","hideIfNoUserInteractionRequired":false,"distinct":true,"required":true,"autoSelectFirstOption":false,"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If no external confidentiality class then please choose the blank value"},"spacing":{},"fullyQualifiedName":"ExternalConfidentialityLabel"},{"dataSource":"PowerPoint Document Type","column":"documentType","required":false,"placeholder":"","autoSelectFirstOption":false,"type":"comboBox","name":"DocTypePresentation","label":"Document Type Presentation","helpTexts":{"prefix":"","postfix":"If the document type differs from the default value, click on the X to delete and type/choose another type."},"spacing":{},"fullyQualifiedName":"DocTypePresentation"},{"required":false,"placeholder":"","lines":0,"type":"textBox","name":"DocumentNumber","label":"Document Number","helpTexts":{"prefix":"","postfix":""},"spacing":{},"fullyQualifiedName":"DocumentNumber"},{"dataSource":"Language code","displayColumn":"showName","hideIfNoUserInteractionRequired":false,"distinct":true,"required":false,"autoSelectFirstOption":false,"defaultValue":"1","type":"dropDown","name":"LanguageCode","label":"Language Code","helpTexts":{"prefix":"","postfix":"The language code will be appended to the Document No."},"spacing":{},"fullyQualifiedName":"LanguageCode"},{"dataSource":"Revision","column":"revision","required":false,"placeholder":"","autoSelectFirstOption":false,"type":"comboBox","name":"Revision","label":"Revision","helpTexts":{"prefix":"","postfix":""},"spacing":{},"fullyQualifiedName":"Revision"},{"required":false,"type":"datePicker","name":"Date","label":"Date","helpTexts":{"prefix":"","postfix":""},"spacing":{},"fullyQualifiedName":"Date"},{"type":"heading","name":"FooterVisibilityOptions","label":"Footer Visibility Options","helpTexts":{"prefix":"","postfix":""},"spacing":{},"fullyQualifiedName":"FooterVisibilityOptions"},{"dataSource":"PPT FooterVisibility","displayColumn":"templateType","hideIfNoUserInteractionRequired":false,"distinct":true,"required":true,"autoSelectFirstOption":false,"defaultValue":"1","type":"dropDown","name":"TemplateType","label":"Is this a document or presentation?","helpTexts":{"prefix":"","postfix":""},"spacing":{},"fullyQualifiedName":"TemplateType"},{"dataSource":"PPT FooterVisibility","displayColumn":"docTitle_label","hideIfNoUserInteractionRequired":false,"distinct":true,"required":false,"autoSelectFirstOption":true,"filter":{"column":"templateType","otherFieldName":"TemplateType","fullyQualifiedOtherFieldName":"TemplateType","otherFieldColumn":"TemplateType","formReference":"none","operator":"equals"},"type":"dropDown","name":"DocTitle","label":"Show document title in footer?","helpTexts":{"prefix":"","postfix":""},"spacing":{},"fullyQualifiedName":"DocTitle"},{"dataSource":"PPT FooterVisibility","displayColumn":"totalPageNo_text","hideIfNoUserInteractionRequired":false,"distinct":true,"required":false,"autoSelectFirstOption":true,"filter":{"column":"templateType","otherFieldName":"TemplateType","fullyQualifiedOtherFieldName":"TemplateType","otherFieldColumn":"TemplateType","formReference":"none","operator":"equals"},"type":"dropDown","name":"TotalPageNo","label":"Page numbering","helpTexts":{"prefix":"","postfix":""},"spacing":{},"fullyQualifiedName":"TotalPageNo"},{"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formDataEntries":[{"name":"DocumentTitle","value":"pZUW5uI8pi4n8195OgxE5Ut31y56Rw/u7dzZzoFP/MA="},{"name":"ConfidentialityClass","value":"5wlu7ZdPxHQj1W0w+yTNSg=="},{"name":"ExternalConfidentialityLabel","value":"cT/FOwTWaPknrhRlNMh4SQ=="},{"name":"LanguageCode","value":"5wlu7ZdPxHQj1W0w+yTNSg=="},{"name":"Date","value":"t0d6Pvs02dFQVeQXjIP/5A=="},{"name":"TemplateType","value":"PxVEvJY8nE7m/hY9622Sng=="},{"name":"DocTitle","value":"PxVEvJY8nE7m/hY9622Sng=="},{"name":"TotalPageNo","value":"PxVEvJY8nE7m/hY9622Sng=="}]}]]></TemplafyForm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7037983905221557","enableDocumentContentUpdater":true,"version":"1.9"}]]></TemplafySlideTemplateConfiguration>
</file>

<file path=customXml/itemProps1.xml><?xml version="1.0" encoding="utf-8"?>
<ds:datastoreItem xmlns:ds="http://schemas.openxmlformats.org/officeDocument/2006/customXml" ds:itemID="{FBCBFF32-2C4C-4D2D-B277-62C5FA3895E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b33437f-65a5-48c5-b537-19efd290f967"/>
    <ds:schemaRef ds:uri="6f846979-0e6f-42ff-8b87-e1893efeda9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822D38AD-8010-4CD3-BD6B-117CB8DF70A4}">
  <ds:schemaRefs/>
</ds:datastoreItem>
</file>

<file path=customXml/itemProps11.xml><?xml version="1.0" encoding="utf-8"?>
<ds:datastoreItem xmlns:ds="http://schemas.openxmlformats.org/officeDocument/2006/customXml" ds:itemID="{683FEB75-8CFA-449C-A6B1-B1E4A86A58A1}">
  <ds:schemaRefs/>
</ds:datastoreItem>
</file>

<file path=customXml/itemProps12.xml><?xml version="1.0" encoding="utf-8"?>
<ds:datastoreItem xmlns:ds="http://schemas.openxmlformats.org/officeDocument/2006/customXml" ds:itemID="{0856E6D8-EB3A-4FBD-9073-B1F99D9DA42C}">
  <ds:schemaRefs/>
</ds:datastoreItem>
</file>

<file path=customXml/itemProps13.xml><?xml version="1.0" encoding="utf-8"?>
<ds:datastoreItem xmlns:ds="http://schemas.openxmlformats.org/officeDocument/2006/customXml" ds:itemID="{58419C60-19EA-4E00-8C60-DAE3664D99F0}">
  <ds:schemaRefs/>
</ds:datastoreItem>
</file>

<file path=customXml/itemProps14.xml><?xml version="1.0" encoding="utf-8"?>
<ds:datastoreItem xmlns:ds="http://schemas.openxmlformats.org/officeDocument/2006/customXml" ds:itemID="{C23923F8-CC2C-4EDD-96D6-5E499A536F97}">
  <ds:schemaRefs/>
</ds:datastoreItem>
</file>

<file path=customXml/itemProps15.xml><?xml version="1.0" encoding="utf-8"?>
<ds:datastoreItem xmlns:ds="http://schemas.openxmlformats.org/officeDocument/2006/customXml" ds:itemID="{A6976CE7-42AE-4C1F-9E09-C7EA46EE6392}">
  <ds:schemaRefs/>
</ds:datastoreItem>
</file>

<file path=customXml/itemProps16.xml><?xml version="1.0" encoding="utf-8"?>
<ds:datastoreItem xmlns:ds="http://schemas.openxmlformats.org/officeDocument/2006/customXml" ds:itemID="{84EAD8D5-600D-477D-83C8-494B907ED857}">
  <ds:schemaRefs/>
</ds:datastoreItem>
</file>

<file path=customXml/itemProps17.xml><?xml version="1.0" encoding="utf-8"?>
<ds:datastoreItem xmlns:ds="http://schemas.openxmlformats.org/officeDocument/2006/customXml" ds:itemID="{8985F1F9-B0C2-45F2-ADC8-7CFA481DF9B5}">
  <ds:schemaRefs/>
</ds:datastoreItem>
</file>

<file path=customXml/itemProps18.xml><?xml version="1.0" encoding="utf-8"?>
<ds:datastoreItem xmlns:ds="http://schemas.openxmlformats.org/officeDocument/2006/customXml" ds:itemID="{3E8A0CBD-9863-4970-A526-3CC392C56312}">
  <ds:schemaRefs/>
</ds:datastoreItem>
</file>

<file path=customXml/itemProps19.xml><?xml version="1.0" encoding="utf-8"?>
<ds:datastoreItem xmlns:ds="http://schemas.openxmlformats.org/officeDocument/2006/customXml" ds:itemID="{AB220B8D-669B-45D1-8B01-0880C09FA32E}">
  <ds:schemaRefs/>
</ds:datastoreItem>
</file>

<file path=customXml/itemProps2.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20.xml><?xml version="1.0" encoding="utf-8"?>
<ds:datastoreItem xmlns:ds="http://schemas.openxmlformats.org/officeDocument/2006/customXml" ds:itemID="{133923B5-513B-4C74-96A9-F3F6AC3A120C}">
  <ds:schemaRefs/>
</ds:datastoreItem>
</file>

<file path=customXml/itemProps21.xml><?xml version="1.0" encoding="utf-8"?>
<ds:datastoreItem xmlns:ds="http://schemas.openxmlformats.org/officeDocument/2006/customXml" ds:itemID="{E9ECF7CA-3604-4D5A-9C19-C1C674FB2B20}">
  <ds:schemaRefs/>
</ds:datastoreItem>
</file>

<file path=customXml/itemProps22.xml><?xml version="1.0" encoding="utf-8"?>
<ds:datastoreItem xmlns:ds="http://schemas.openxmlformats.org/officeDocument/2006/customXml" ds:itemID="{FC818A60-7786-46F9-A522-1924D571DEF5}">
  <ds:schemaRefs/>
</ds:datastoreItem>
</file>

<file path=customXml/itemProps23.xml><?xml version="1.0" encoding="utf-8"?>
<ds:datastoreItem xmlns:ds="http://schemas.openxmlformats.org/officeDocument/2006/customXml" ds:itemID="{409DB48F-ECB0-4A03-88DE-F4133DBAEDA1}">
  <ds:schemaRefs/>
</ds:datastoreItem>
</file>

<file path=customXml/itemProps24.xml><?xml version="1.0" encoding="utf-8"?>
<ds:datastoreItem xmlns:ds="http://schemas.openxmlformats.org/officeDocument/2006/customXml" ds:itemID="{A69360EB-C8AF-4612-8417-B89B40CBB564}">
  <ds:schemaRefs/>
</ds:datastoreItem>
</file>

<file path=customXml/itemProps25.xml><?xml version="1.0" encoding="utf-8"?>
<ds:datastoreItem xmlns:ds="http://schemas.openxmlformats.org/officeDocument/2006/customXml" ds:itemID="{C46AA6D1-A7DC-45D6-8F97-76EF6312764A}">
  <ds:schemaRefs/>
</ds:datastoreItem>
</file>

<file path=customXml/itemProps26.xml><?xml version="1.0" encoding="utf-8"?>
<ds:datastoreItem xmlns:ds="http://schemas.openxmlformats.org/officeDocument/2006/customXml" ds:itemID="{E46DED80-D4FD-4F9F-AF55-C7EF67D3903D}">
  <ds:schemaRefs/>
</ds:datastoreItem>
</file>

<file path=customXml/itemProps27.xml><?xml version="1.0" encoding="utf-8"?>
<ds:datastoreItem xmlns:ds="http://schemas.openxmlformats.org/officeDocument/2006/customXml" ds:itemID="{8809F2AF-D947-4CC1-9713-274616310A7A}">
  <ds:schemaRefs/>
</ds:datastoreItem>
</file>

<file path=customXml/itemProps28.xml><?xml version="1.0" encoding="utf-8"?>
<ds:datastoreItem xmlns:ds="http://schemas.openxmlformats.org/officeDocument/2006/customXml" ds:itemID="{1CE36EA9-2186-4EB1-871A-8AE59C2A13BB}">
  <ds:schemaRefs/>
</ds:datastoreItem>
</file>

<file path=customXml/itemProps29.xml><?xml version="1.0" encoding="utf-8"?>
<ds:datastoreItem xmlns:ds="http://schemas.openxmlformats.org/officeDocument/2006/customXml" ds:itemID="{58CC0B31-82B9-497A-9A2E-F3F72D0BBDAD}">
  <ds:schemaRefs/>
</ds:datastoreItem>
</file>

<file path=customXml/itemProps3.xml><?xml version="1.0" encoding="utf-8"?>
<ds:datastoreItem xmlns:ds="http://schemas.openxmlformats.org/officeDocument/2006/customXml" ds:itemID="{07958A4E-FAB1-42E4-B6B5-29B01F63F87B}">
  <ds:schemaRefs/>
</ds:datastoreItem>
</file>

<file path=customXml/itemProps4.xml><?xml version="1.0" encoding="utf-8"?>
<ds:datastoreItem xmlns:ds="http://schemas.openxmlformats.org/officeDocument/2006/customXml" ds:itemID="{C09F197C-6A49-47D0-B877-F88807989676}">
  <ds:schemaRefs/>
</ds:datastoreItem>
</file>

<file path=customXml/itemProps5.xml><?xml version="1.0" encoding="utf-8"?>
<ds:datastoreItem xmlns:ds="http://schemas.openxmlformats.org/officeDocument/2006/customXml" ds:itemID="{56F2EE69-0CCA-4F48-BE22-EC4A886C57A7}">
  <ds:schemaRefs>
    <ds:schemaRef ds:uri="http://purl.org/dc/terms/"/>
    <ds:schemaRef ds:uri="6f846979-0e6f-42ff-8b87-e1893efeda99"/>
    <ds:schemaRef ds:uri="http://schemas.microsoft.com/office/2006/documentManagement/types"/>
    <ds:schemaRef ds:uri="http://schemas.microsoft.com/office/infopath/2007/PartnerControls"/>
    <ds:schemaRef ds:uri="http://purl.org/dc/elements/1.1/"/>
    <ds:schemaRef ds:uri="http://schemas.microsoft.com/office/2006/metadata/properties"/>
    <ds:schemaRef ds:uri="db33437f-65a5-48c5-b537-19efd290f967"/>
    <ds:schemaRef ds:uri="http://schemas.openxmlformats.org/package/2006/metadata/core-properties"/>
    <ds:schemaRef ds:uri="http://www.w3.org/XML/1998/namespace"/>
    <ds:schemaRef ds:uri="http://purl.org/dc/dcmitype/"/>
  </ds:schemaRefs>
</ds:datastoreItem>
</file>

<file path=customXml/itemProps6.xml><?xml version="1.0" encoding="utf-8"?>
<ds:datastoreItem xmlns:ds="http://schemas.openxmlformats.org/officeDocument/2006/customXml" ds:itemID="{B9AEDDE3-EA02-4A8F-B8F8-0606A0AA45FC}">
  <ds:schemaRefs/>
</ds:datastoreItem>
</file>

<file path=customXml/itemProps7.xml><?xml version="1.0" encoding="utf-8"?>
<ds:datastoreItem xmlns:ds="http://schemas.openxmlformats.org/officeDocument/2006/customXml" ds:itemID="{D92C3DF5-A179-4E2D-BD20-07044B39171F}">
  <ds:schemaRefs/>
</ds:datastoreItem>
</file>

<file path=customXml/itemProps8.xml><?xml version="1.0" encoding="utf-8"?>
<ds:datastoreItem xmlns:ds="http://schemas.openxmlformats.org/officeDocument/2006/customXml" ds:itemID="{32BA7684-6BE4-4F73-B22E-30934AB379B8}">
  <ds:schemaRefs/>
</ds:datastoreItem>
</file>

<file path=customXml/itemProps9.xml><?xml version="1.0" encoding="utf-8"?>
<ds:datastoreItem xmlns:ds="http://schemas.openxmlformats.org/officeDocument/2006/customXml" ds:itemID="{72516535-7702-46AF-9B1F-8623A67A824E}">
  <ds:schemaRefs/>
</ds:datastoreItem>
</file>

<file path=docProps/app.xml><?xml version="1.0" encoding="utf-8"?>
<Properties xmlns="http://schemas.openxmlformats.org/officeDocument/2006/extended-properties" xmlns:vt="http://schemas.openxmlformats.org/officeDocument/2006/docPropsVTypes">
  <Template>PresentationTemplate2017</Template>
  <TotalTime>3777</TotalTime>
  <Words>709</Words>
  <Application>Microsoft Office PowerPoint</Application>
  <PresentationFormat>Widescreen</PresentationFormat>
  <Paragraphs>75</Paragraphs>
  <Slides>14</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4</vt:i4>
      </vt:variant>
    </vt:vector>
  </HeadingPairs>
  <TitlesOfParts>
    <vt:vector size="18" baseType="lpstr">
      <vt:lpstr>Ericsson Hilda</vt:lpstr>
      <vt:lpstr>Ericsson Technical Icons</vt:lpstr>
      <vt:lpstr>Ericsson Hilda Light</vt:lpstr>
      <vt:lpstr>PresentationTemplate2017</vt:lpstr>
      <vt:lpstr>TSDSI Observations</vt:lpstr>
      <vt:lpstr>Contents</vt:lpstr>
      <vt:lpstr>TSDSI pi/2-BPSK and  3GPP pi/2-BPSK  </vt:lpstr>
      <vt:lpstr>TSDSI pi/2-BPSK and 3GPP pi/2-BPSK  </vt:lpstr>
      <vt:lpstr>Results in section 20 of the self-evaluation</vt:lpstr>
      <vt:lpstr>Section 20 of the TSDSI self-evaluation</vt:lpstr>
      <vt:lpstr>Is it reasonable? </vt:lpstr>
      <vt:lpstr>Cell average and 5th percentile user  spectral efficiency</vt:lpstr>
      <vt:lpstr>Summary</vt:lpstr>
      <vt:lpstr>Cell average and 5th percentile user  spectral efficiency</vt:lpstr>
      <vt:lpstr>Maths</vt:lpstr>
      <vt:lpstr>Example</vt:lpstr>
      <vt:lpstr>Doc 30, TCOE</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SDSI observations</dc:title>
  <dc:creator/>
  <cp:keywords/>
  <dc:description> 
Rev </dc:description>
  <cp:lastModifiedBy>Ven Sampath</cp:lastModifiedBy>
  <cp:revision>126</cp:revision>
  <dcterms:created xsi:type="dcterms:W3CDTF">2019-04-23T15:12:54Z</dcterms:created>
  <dcterms:modified xsi:type="dcterms:W3CDTF">2020-01-11T19:13: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3AA7AC0C743A294CADF60F661720E3E6</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19-10-24T08:16:00.7579733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05251764084337</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Ericsson Internal</vt:lpwstr>
  </property>
  <property fmtid="{D5CDD505-2E9C-101B-9397-08002B2CF9AE}" pid="15" name="ExtConf">
    <vt:lpwstr>Commercial in Confidence</vt:lpwstr>
  </property>
  <property fmtid="{D5CDD505-2E9C-101B-9397-08002B2CF9AE}" pid="16" name="Prepared">
    <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0-01-10</vt:lpwstr>
  </property>
  <property fmtid="{D5CDD505-2E9C-101B-9397-08002B2CF9AE}" pid="21" name="Reference">
    <vt:lpwstr/>
  </property>
  <property fmtid="{D5CDD505-2E9C-101B-9397-08002B2CF9AE}" pid="22" name="Title">
    <vt:lpwstr>TSDSI observations</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false</vt:lpwstr>
  </property>
  <property fmtid="{D5CDD505-2E9C-101B-9397-08002B2CF9AE}" pid="30" name="IsPresentation">
    <vt:lpwstr>true</vt:lpwstr>
  </property>
  <property fmtid="{D5CDD505-2E9C-101B-9397-08002B2CF9AE}" pid="31" name="PageNumberVisible">
    <vt:lpwstr>PageX</vt:lpwstr>
  </property>
  <property fmtid="{D5CDD505-2E9C-101B-9397-08002B2CF9AE}" pid="32" name="Revision">
    <vt:lpwstr/>
  </property>
  <property fmtid="{D5CDD505-2E9C-101B-9397-08002B2CF9AE}" pid="33" name="DocType">
    <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